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6437\Desktop\"/>
    </mc:Choice>
  </mc:AlternateContent>
  <bookViews>
    <workbookView xWindow="0" yWindow="0" windowWidth="20490" windowHeight="6945"/>
  </bookViews>
  <sheets>
    <sheet name="コミュニティ掲示板(まちづくり推進課)_20200820 (1" sheetId="1" r:id="rId1"/>
  </sheets>
  <definedNames>
    <definedName name="_xlnm._FilterDatabase" localSheetId="0" hidden="1">'コミュニティ掲示板(まちづくり推進課)_20200820 (1'!$A$1:$F$169</definedName>
  </definedNames>
  <calcPr calcId="0" refMode="R1C1"/>
</workbook>
</file>

<file path=xl/sharedStrings.xml><?xml version="1.0" encoding="utf-8"?>
<sst xmlns="http://schemas.openxmlformats.org/spreadsheetml/2006/main" count="845" uniqueCount="614">
  <si>
    <t>通番</t>
  </si>
  <si>
    <t>掲示板番号</t>
  </si>
  <si>
    <t>校区名</t>
  </si>
  <si>
    <t>設置場所</t>
  </si>
  <si>
    <t>所在地</t>
  </si>
  <si>
    <t>自治会名</t>
  </si>
  <si>
    <t>伊丹1</t>
  </si>
  <si>
    <t>伊丹小学校区</t>
  </si>
  <si>
    <t>あじさいセンター</t>
  </si>
  <si>
    <t>兵庫県伊丹市宮ノ前3丁目6-1</t>
  </si>
  <si>
    <t>宮ノ前</t>
  </si>
  <si>
    <t>伊丹2</t>
  </si>
  <si>
    <t>梅園公園西側</t>
  </si>
  <si>
    <t>兵庫県伊丹市西台1丁目6</t>
  </si>
  <si>
    <t>西台</t>
  </si>
  <si>
    <t>伊丹3</t>
  </si>
  <si>
    <t>西ノ町児童遊園地</t>
  </si>
  <si>
    <t>兵庫県伊丹市中央6丁目3-7</t>
  </si>
  <si>
    <t>本五旭</t>
  </si>
  <si>
    <t>伊丹4</t>
  </si>
  <si>
    <t>北河原センター</t>
  </si>
  <si>
    <t>兵庫県伊丹市北河原2丁目8-6</t>
  </si>
  <si>
    <t>北河原</t>
  </si>
  <si>
    <t>伊丹5</t>
  </si>
  <si>
    <t>伊丹小学校南側</t>
  </si>
  <si>
    <t>兵庫県伊丹市船原1丁目1</t>
  </si>
  <si>
    <t>伊丹6</t>
  </si>
  <si>
    <t>兵庫県伊丹市中央1丁目3-7</t>
  </si>
  <si>
    <t>中央</t>
  </si>
  <si>
    <t>伊丹7</t>
  </si>
  <si>
    <t>桜ヶ丘コミュニティセンター</t>
  </si>
  <si>
    <t>兵庫県伊丹市桜ヶ丘2丁目3-3</t>
  </si>
  <si>
    <t>桜ヶ丘</t>
  </si>
  <si>
    <t>伊丹8</t>
  </si>
  <si>
    <t>主基公園東側</t>
  </si>
  <si>
    <t>兵庫県伊丹市西台4丁目1</t>
  </si>
  <si>
    <t>伊丹9</t>
  </si>
  <si>
    <t>北中学校南東角</t>
  </si>
  <si>
    <t>兵庫県伊丹市清水4丁目3</t>
  </si>
  <si>
    <t>清水</t>
  </si>
  <si>
    <t>伊丹10</t>
  </si>
  <si>
    <t>北本町公園</t>
  </si>
  <si>
    <t>兵庫県伊丹市北本町1丁目186</t>
  </si>
  <si>
    <t>伊丹11</t>
  </si>
  <si>
    <t>地方卸売市場北西側</t>
  </si>
  <si>
    <t>兵庫県伊丹市北本町3丁目56</t>
  </si>
  <si>
    <t>伊丹12</t>
  </si>
  <si>
    <t>兵庫県伊丹市行基町1丁目50</t>
  </si>
  <si>
    <t>行基町北</t>
  </si>
  <si>
    <t>伊丹13</t>
  </si>
  <si>
    <t>伊丹小学校東側</t>
  </si>
  <si>
    <t>伊丹14</t>
  </si>
  <si>
    <t>兵庫県伊丹市船原1丁目6</t>
  </si>
  <si>
    <t>宮西</t>
  </si>
  <si>
    <t>有岡1</t>
  </si>
  <si>
    <t>有岡小学校</t>
  </si>
  <si>
    <t>兵庫県伊丹市伊丹1丁目11-8</t>
  </si>
  <si>
    <t>湊町</t>
  </si>
  <si>
    <t>有岡2</t>
  </si>
  <si>
    <t>ＪＲ伊丹駅東側広場</t>
  </si>
  <si>
    <t>兵庫県伊丹市東有岡1丁目6-2</t>
  </si>
  <si>
    <t>東有岡</t>
  </si>
  <si>
    <t>有岡3</t>
  </si>
  <si>
    <t>南本町公園北側</t>
  </si>
  <si>
    <t>兵庫県伊丹市南本町4丁目4</t>
  </si>
  <si>
    <t>植松</t>
  </si>
  <si>
    <t>有岡4</t>
  </si>
  <si>
    <t>南本町公園南側</t>
  </si>
  <si>
    <t>有岡5</t>
  </si>
  <si>
    <t>東有岡Ⅱ児童遊園地</t>
  </si>
  <si>
    <t>兵庫県伊丹市東有岡1丁目19-6</t>
  </si>
  <si>
    <t>コープ野村第2伊丹</t>
  </si>
  <si>
    <t>有岡6</t>
  </si>
  <si>
    <t>有岡小学校西側</t>
  </si>
  <si>
    <t>兵庫県伊丹市伊丹7丁目1</t>
  </si>
  <si>
    <t>高畑</t>
  </si>
  <si>
    <t>有岡7</t>
  </si>
  <si>
    <t>サン伊丹集会所前</t>
  </si>
  <si>
    <t>兵庫県伊丹市東有岡1丁目18-7</t>
  </si>
  <si>
    <t>コープ野村第1</t>
  </si>
  <si>
    <t>有岡8</t>
  </si>
  <si>
    <t>有岡公園西側</t>
  </si>
  <si>
    <t>兵庫県伊丹市伊丹5丁目3</t>
  </si>
  <si>
    <t>稲野1</t>
  </si>
  <si>
    <t>稲野小学校</t>
  </si>
  <si>
    <t>兵庫県伊丹市千僧2丁目235</t>
  </si>
  <si>
    <t>千僧</t>
  </si>
  <si>
    <t>稲野2</t>
  </si>
  <si>
    <t>昆陽池自治会集会所前</t>
  </si>
  <si>
    <t>兵庫県伊丹市昆陽池2丁目135</t>
  </si>
  <si>
    <t>昆陽池</t>
  </si>
  <si>
    <t>稲野3</t>
  </si>
  <si>
    <t>兵庫県伊丹市昆陽6丁目10-1</t>
  </si>
  <si>
    <t>昆陽</t>
  </si>
  <si>
    <t>稲野4</t>
  </si>
  <si>
    <t>松ヶ丘公園北側</t>
  </si>
  <si>
    <t>兵庫県伊丹市松ヶ丘3丁目11</t>
  </si>
  <si>
    <t>松ヶ丘</t>
  </si>
  <si>
    <t>稲野5</t>
  </si>
  <si>
    <t>兵庫県伊丹市昆陽東3丁目3－22</t>
  </si>
  <si>
    <t>東中田</t>
  </si>
  <si>
    <t>稲野6</t>
  </si>
  <si>
    <t>堂の前公園南西側</t>
  </si>
  <si>
    <t>兵庫県伊丹市千僧6丁目95</t>
  </si>
  <si>
    <t>千僧堂の前</t>
  </si>
  <si>
    <t>稲野7</t>
  </si>
  <si>
    <t>兵庫県伊丹市昆陽2丁目37</t>
  </si>
  <si>
    <t>稲野8</t>
  </si>
  <si>
    <t>兵庫県伊丹市千僧6丁目174</t>
  </si>
  <si>
    <t>千僧西</t>
  </si>
  <si>
    <t>稲野9</t>
  </si>
  <si>
    <t>兵庫県伊丹市昆陽7丁目52</t>
  </si>
  <si>
    <t>稲野10</t>
  </si>
  <si>
    <t>兵庫県伊丹市昆陽東2丁目2－21</t>
  </si>
  <si>
    <t>昆陽林田</t>
  </si>
  <si>
    <t>稲野11</t>
  </si>
  <si>
    <t>兵庫県伊丹市昆陽北2丁目1-17</t>
  </si>
  <si>
    <t>摂陽1</t>
  </si>
  <si>
    <t>摂陽小学校</t>
  </si>
  <si>
    <t>兵庫県伊丹市昆陽東4丁目4－5</t>
  </si>
  <si>
    <t>摂陽2</t>
  </si>
  <si>
    <t>兵庫県伊丹市昆陽南4丁目7－62</t>
  </si>
  <si>
    <t>摂陽3</t>
  </si>
  <si>
    <t>美鈴公園</t>
  </si>
  <si>
    <t>兵庫県伊丹市美鈴町4丁目21-2</t>
  </si>
  <si>
    <t>第二美鈴</t>
  </si>
  <si>
    <t>摂陽4</t>
  </si>
  <si>
    <t>南弐タ塚公園</t>
  </si>
  <si>
    <t>兵庫県伊丹市昆陽東6丁目8</t>
  </si>
  <si>
    <t>昆陽道塚</t>
  </si>
  <si>
    <t>摂陽5</t>
  </si>
  <si>
    <t>兵庫県伊丹市昆陽南1丁目4－41</t>
  </si>
  <si>
    <t>昆陽南</t>
  </si>
  <si>
    <t>摂陽6</t>
  </si>
  <si>
    <t>さんかく児童遊園地</t>
  </si>
  <si>
    <t>兵庫県伊丹市昆陽泉町2丁目6-1</t>
  </si>
  <si>
    <t>木ノ本</t>
  </si>
  <si>
    <t>摂陽7</t>
  </si>
  <si>
    <t>兵庫県伊丹市昆陽泉町3丁目6－6</t>
  </si>
  <si>
    <t>摂陽8</t>
  </si>
  <si>
    <t>兵庫県伊丹市昆陽泉町4丁目2-17</t>
  </si>
  <si>
    <t>南1</t>
  </si>
  <si>
    <t>南小学校</t>
  </si>
  <si>
    <t>新伊丹公園南西側</t>
  </si>
  <si>
    <t>兵庫県伊丹市御願塚1丁目6番</t>
  </si>
  <si>
    <t>御願塚</t>
  </si>
  <si>
    <t>南2</t>
  </si>
  <si>
    <t>稲野運動公園北西側</t>
  </si>
  <si>
    <t>兵庫県伊丹市稲野町2丁目3-2</t>
  </si>
  <si>
    <t>稲野東</t>
  </si>
  <si>
    <t>南3</t>
  </si>
  <si>
    <t>ローズレー梅ノ木</t>
  </si>
  <si>
    <t>兵庫県伊丹市梅ノ木2丁目2-21</t>
  </si>
  <si>
    <t>梅ノ木</t>
  </si>
  <si>
    <t>南4</t>
  </si>
  <si>
    <t>市営平松団地北東側</t>
  </si>
  <si>
    <t>兵庫県伊丹市平松3丁目40</t>
  </si>
  <si>
    <t>平松</t>
  </si>
  <si>
    <t>南5</t>
  </si>
  <si>
    <t>辰巳垣内児童遊園地</t>
  </si>
  <si>
    <t>兵庫県伊丹市御願塚8丁目9</t>
  </si>
  <si>
    <t>西御願塚</t>
  </si>
  <si>
    <t>南6</t>
  </si>
  <si>
    <t>柏木児童遊園地</t>
  </si>
  <si>
    <t>兵庫県伊丹市柏木町1丁目100</t>
  </si>
  <si>
    <t>柏木町</t>
  </si>
  <si>
    <t>南7</t>
  </si>
  <si>
    <t>若菱児童遊園地北側</t>
  </si>
  <si>
    <t>兵庫県伊丹市若菱町2丁目3</t>
  </si>
  <si>
    <t>若菱</t>
  </si>
  <si>
    <t>南8</t>
  </si>
  <si>
    <t>兵庫県伊丹市南野5丁目1－8</t>
  </si>
  <si>
    <t>林</t>
  </si>
  <si>
    <t>南9</t>
  </si>
  <si>
    <t>南センター</t>
  </si>
  <si>
    <t>兵庫県伊丹市御願塚3丁目8-11</t>
  </si>
  <si>
    <t>南10</t>
  </si>
  <si>
    <t>兵庫県伊丹市南町2丁目4-12</t>
  </si>
  <si>
    <t>南町</t>
  </si>
  <si>
    <t>さつきセンター</t>
  </si>
  <si>
    <t>兵庫県伊丹市南鈴原4丁目42</t>
  </si>
  <si>
    <t>南12</t>
  </si>
  <si>
    <t>南幼稚園西水路</t>
  </si>
  <si>
    <t>兵庫県伊丹市御願塚2丁目2-23</t>
  </si>
  <si>
    <t>南13</t>
  </si>
  <si>
    <t>若菱児童遊園地南側</t>
  </si>
  <si>
    <t>鈴原1</t>
  </si>
  <si>
    <t>鈴原小学校</t>
  </si>
  <si>
    <t>兵庫県伊丹市御願塚7丁目1-1-2</t>
  </si>
  <si>
    <t>鈴原2</t>
  </si>
  <si>
    <t>南菱バス停前</t>
  </si>
  <si>
    <t>兵庫県伊丹市南鈴原3丁目145</t>
  </si>
  <si>
    <t>南菱</t>
  </si>
  <si>
    <t>鈴原3</t>
  </si>
  <si>
    <t>兵庫県伊丹市御願塚6丁目8-37</t>
  </si>
  <si>
    <t>鈴原4</t>
  </si>
  <si>
    <t>鈴原4丁目バス停前</t>
  </si>
  <si>
    <t>兵庫県伊丹市鈴原町4丁目26-1</t>
  </si>
  <si>
    <t>鈴原町</t>
  </si>
  <si>
    <t>鈴原5</t>
  </si>
  <si>
    <t>鈴原児童遊園地</t>
  </si>
  <si>
    <t>兵庫県伊丹市鈴原町4丁目18-1</t>
  </si>
  <si>
    <t>鈴原6</t>
  </si>
  <si>
    <t>りんりん花壇前</t>
  </si>
  <si>
    <t>兵庫県伊丹市鈴原町7丁目47-1</t>
  </si>
  <si>
    <t>鈴原7</t>
  </si>
  <si>
    <t>兵庫県伊丹市鈴原町9丁目314</t>
  </si>
  <si>
    <t>西鈴原</t>
  </si>
  <si>
    <t>鈴原8</t>
  </si>
  <si>
    <t>兵庫県伊丹市美鈴町1丁目27</t>
  </si>
  <si>
    <t>第一美鈴</t>
  </si>
  <si>
    <t>兵庫県伊丹市行基町3丁目地内</t>
  </si>
  <si>
    <t>行基町南</t>
  </si>
  <si>
    <t>笹原1</t>
  </si>
  <si>
    <t>笹原小学校</t>
  </si>
  <si>
    <t>東浦公園</t>
  </si>
  <si>
    <t>兵庫県伊丹市南野3丁目3-12</t>
  </si>
  <si>
    <t>南野</t>
  </si>
  <si>
    <t>笹原2</t>
  </si>
  <si>
    <t>兵庫県伊丹市野間5丁目11-13</t>
  </si>
  <si>
    <t>野間</t>
  </si>
  <si>
    <t>笹原3</t>
  </si>
  <si>
    <t>車塚センター西水路</t>
  </si>
  <si>
    <t>兵庫県伊丹市車塚2丁目6</t>
  </si>
  <si>
    <t>車塚南</t>
  </si>
  <si>
    <t>笹原4</t>
  </si>
  <si>
    <t>南野公園</t>
  </si>
  <si>
    <t>兵庫県伊丹市安堂寺町2丁目98</t>
  </si>
  <si>
    <t>阪急住宅</t>
  </si>
  <si>
    <t>笹原5</t>
  </si>
  <si>
    <t>中曽根公園前</t>
  </si>
  <si>
    <t>兵庫県伊丹市南野北3丁目3</t>
  </si>
  <si>
    <t>中曽根</t>
  </si>
  <si>
    <t>笹原6</t>
  </si>
  <si>
    <t>兵庫県伊丹市南野北4丁目2</t>
  </si>
  <si>
    <t>笹北</t>
  </si>
  <si>
    <t>笹原7</t>
  </si>
  <si>
    <t>兵庫県伊丹市野間5丁目3-18</t>
  </si>
  <si>
    <t>笹原8</t>
  </si>
  <si>
    <t>兵庫県伊丹市安堂寺町4丁目133</t>
  </si>
  <si>
    <t>西安堂寺</t>
  </si>
  <si>
    <t>笹原9</t>
  </si>
  <si>
    <t>野間東公園</t>
  </si>
  <si>
    <t>兵庫県伊丹市野間1丁目4</t>
  </si>
  <si>
    <t>野間東向</t>
  </si>
  <si>
    <t>笹原10</t>
  </si>
  <si>
    <t>笹原公園北西角</t>
  </si>
  <si>
    <t>兵庫県伊丹市車塚1丁目</t>
  </si>
  <si>
    <t>車塚北</t>
  </si>
  <si>
    <t>笹原11</t>
  </si>
  <si>
    <t>車塚公園</t>
  </si>
  <si>
    <t>兵庫県伊丹市車塚2丁目86</t>
  </si>
  <si>
    <t>笹原12</t>
  </si>
  <si>
    <t>若葉児童公園</t>
  </si>
  <si>
    <t>兵庫県伊丹市安堂寺町2丁目地先</t>
  </si>
  <si>
    <t>東安堂寺</t>
  </si>
  <si>
    <t>神津1</t>
  </si>
  <si>
    <t>神津小学校</t>
  </si>
  <si>
    <t>口酒井センター</t>
  </si>
  <si>
    <t>兵庫県伊丹市口酒井1丁目3番39号</t>
  </si>
  <si>
    <t>口酒井</t>
  </si>
  <si>
    <t>神津2</t>
  </si>
  <si>
    <t>森本児童遊園地</t>
  </si>
  <si>
    <t>兵庫県伊丹市森本2丁目200</t>
  </si>
  <si>
    <t>森本</t>
  </si>
  <si>
    <t>神津3</t>
  </si>
  <si>
    <t>兵庫県伊丹市森本6丁目156</t>
  </si>
  <si>
    <t>神津4</t>
  </si>
  <si>
    <t>西桑津公園北西側</t>
  </si>
  <si>
    <t>兵庫県伊丹市桑津3丁目1</t>
  </si>
  <si>
    <t>西桑津</t>
  </si>
  <si>
    <t>神津5</t>
  </si>
  <si>
    <t>猪名川右岸</t>
  </si>
  <si>
    <t>兵庫県伊丹市桑津1丁目4</t>
  </si>
  <si>
    <t>東桑津</t>
  </si>
  <si>
    <t>神津6</t>
  </si>
  <si>
    <t>桑津神社</t>
  </si>
  <si>
    <t>兵庫県伊丹市桑津1丁目2-30</t>
  </si>
  <si>
    <t>神津7</t>
  </si>
  <si>
    <t>森本高層住宅</t>
  </si>
  <si>
    <t>兵庫県伊丹市森本1丁目4</t>
  </si>
  <si>
    <t>森本高層</t>
  </si>
  <si>
    <t>神津9</t>
  </si>
  <si>
    <t>兵庫県伊丹市森本5丁目77</t>
  </si>
  <si>
    <t>神津10</t>
  </si>
  <si>
    <t>兵庫県伊丹市岩屋1丁目</t>
  </si>
  <si>
    <t>岩屋</t>
  </si>
  <si>
    <t>緑丘1</t>
  </si>
  <si>
    <t>緑丘小学校</t>
  </si>
  <si>
    <t>妙宣寺北西側</t>
  </si>
  <si>
    <t>兵庫県伊丹市大鹿4丁目36</t>
  </si>
  <si>
    <t>大鹿</t>
  </si>
  <si>
    <t>緑丘2</t>
  </si>
  <si>
    <t>北伊丹センター</t>
  </si>
  <si>
    <t>兵庫県伊丹市北伊丹7丁目29-1</t>
  </si>
  <si>
    <t>北村地区</t>
  </si>
  <si>
    <t>緑丘3</t>
  </si>
  <si>
    <t>下河原Ⅲ児童遊園地</t>
  </si>
  <si>
    <t>兵庫県伊丹市下河原2丁目</t>
  </si>
  <si>
    <t>下河原</t>
  </si>
  <si>
    <t>緑丘4</t>
  </si>
  <si>
    <t>大鹿交流センター（大鹿ドルエマンション前移設分）</t>
  </si>
  <si>
    <t>兵庫県伊丹市大鹿3丁目51－3</t>
  </si>
  <si>
    <t>緑丘5</t>
  </si>
  <si>
    <t>北村交流センター</t>
  </si>
  <si>
    <t>兵庫県伊丹市北園1丁目21-1</t>
  </si>
  <si>
    <t>緑丘6</t>
  </si>
  <si>
    <t>北伊丹第一公園</t>
  </si>
  <si>
    <t>兵庫県伊丹市北伊丹2丁目64</t>
  </si>
  <si>
    <t>緑丘7</t>
  </si>
  <si>
    <t>下河原センター</t>
  </si>
  <si>
    <t>兵庫県伊丹市下河原1丁目9-22</t>
  </si>
  <si>
    <t>緑丘8</t>
  </si>
  <si>
    <t>北村交流センター南西角</t>
  </si>
  <si>
    <t>兵庫県伊丹市北園1丁目13</t>
  </si>
  <si>
    <t>緑丘9</t>
  </si>
  <si>
    <t>春日丘バス停留場</t>
  </si>
  <si>
    <t>兵庫県伊丹市春日丘4丁目32－35</t>
  </si>
  <si>
    <t>春日丘</t>
  </si>
  <si>
    <t>瑞穂1</t>
  </si>
  <si>
    <t>瑞穂小学校</t>
  </si>
  <si>
    <t>瑞穂緑地コスモハイツ棟南</t>
  </si>
  <si>
    <t>兵庫県伊丹市瑞ヶ丘3丁目1</t>
  </si>
  <si>
    <t>昆陽大池</t>
  </si>
  <si>
    <t>瑞穂2</t>
  </si>
  <si>
    <t>瑞ヶ丘公園南西</t>
  </si>
  <si>
    <t>兵庫県伊丹市瑞ヶ丘1丁目1</t>
  </si>
  <si>
    <t>瑞穂・瑞ヶ丘</t>
  </si>
  <si>
    <t>瑞穂3</t>
  </si>
  <si>
    <t>瑞穂緑地瑞ヶ池公園南東</t>
  </si>
  <si>
    <t>兵庫県伊丹市緑ヶ丘2丁目79</t>
  </si>
  <si>
    <t>緑ヶ丘</t>
  </si>
  <si>
    <t>瑞穂4</t>
  </si>
  <si>
    <t>瑞穂緑地緑ヶ丘公園</t>
  </si>
  <si>
    <t>兵庫県伊丹市緑ヶ丘2丁目36-1</t>
  </si>
  <si>
    <t>瑞穂5</t>
  </si>
  <si>
    <t>パインクレスト北側</t>
  </si>
  <si>
    <t>兵庫県伊丹市緑ヶ丘1丁目146</t>
  </si>
  <si>
    <t>瑞穂6</t>
  </si>
  <si>
    <t>瑞穂センター東側</t>
  </si>
  <si>
    <t>兵庫県伊丹市瑞穂町4丁目25</t>
  </si>
  <si>
    <t>瑞穂7</t>
  </si>
  <si>
    <t>緑ヶ丘郵便局南</t>
  </si>
  <si>
    <t>兵庫県伊丹市緑ヶ丘5丁目69-1</t>
  </si>
  <si>
    <t>瑞穂8</t>
  </si>
  <si>
    <t>東緑ヶ丘センター</t>
  </si>
  <si>
    <t>兵庫県伊丹市緑ヶ丘7丁目62-6</t>
  </si>
  <si>
    <t>東緑ヶ丘</t>
  </si>
  <si>
    <t>瑞穂9</t>
  </si>
  <si>
    <t>兵庫県伊丹市鋳物師2丁目2</t>
  </si>
  <si>
    <t>瑞穂10</t>
  </si>
  <si>
    <t>千僧広畑児童遊園地</t>
  </si>
  <si>
    <t>兵庫県伊丹市広畑3丁目4</t>
  </si>
  <si>
    <t>広畑</t>
  </si>
  <si>
    <t>桜台1</t>
  </si>
  <si>
    <t>桜台小学校</t>
  </si>
  <si>
    <t>西野台児童遊園地</t>
  </si>
  <si>
    <t>兵庫県伊丹市西野2丁目22</t>
  </si>
  <si>
    <t>西野台</t>
  </si>
  <si>
    <t>桜台2</t>
  </si>
  <si>
    <t>中野北センター</t>
  </si>
  <si>
    <t>兵庫県伊丹市中野北2丁目10-19</t>
  </si>
  <si>
    <t>中野</t>
  </si>
  <si>
    <t>桜台3</t>
  </si>
  <si>
    <t>天神川第二団地北西</t>
  </si>
  <si>
    <t>兵庫県伊丹市中野西1丁目75</t>
  </si>
  <si>
    <t>中野西</t>
  </si>
  <si>
    <t>桜台4</t>
  </si>
  <si>
    <t>天神川団地東</t>
  </si>
  <si>
    <t>兵庫県伊丹市中野西1丁目147</t>
  </si>
  <si>
    <t>天神川団地</t>
  </si>
  <si>
    <t>桜台5</t>
  </si>
  <si>
    <t>中野池東児童遊園地</t>
  </si>
  <si>
    <t>兵庫県伊丹市中野北2丁目4</t>
  </si>
  <si>
    <t>桜台6</t>
  </si>
  <si>
    <t>鴻池団地集会所前</t>
  </si>
  <si>
    <t>兵庫県伊丹市鴻池2丁目10</t>
  </si>
  <si>
    <t>鴻池団地</t>
  </si>
  <si>
    <t>桜台8</t>
  </si>
  <si>
    <t>中野西ゴミステーション前</t>
  </si>
  <si>
    <t>兵庫県伊丹市中野西1丁目56</t>
  </si>
  <si>
    <t>桜台9</t>
  </si>
  <si>
    <t>中野バス停前</t>
  </si>
  <si>
    <t>兵庫県伊丹市中野西2丁目192</t>
  </si>
  <si>
    <t>池尻1</t>
  </si>
  <si>
    <t>池尻小学校</t>
  </si>
  <si>
    <t>池尻2</t>
  </si>
  <si>
    <t>北池尻団地</t>
  </si>
  <si>
    <t>兵庫県伊丹市池尻6丁目231</t>
  </si>
  <si>
    <t>池尻3</t>
  </si>
  <si>
    <t>池尻文化センター</t>
  </si>
  <si>
    <t>兵庫県伊丹市池尻6丁目172</t>
  </si>
  <si>
    <t>池尻</t>
  </si>
  <si>
    <t>池尻4</t>
  </si>
  <si>
    <t>仲村理容北花壇内</t>
  </si>
  <si>
    <t>兵庫県伊丹市西野5丁目64</t>
  </si>
  <si>
    <t>外川原</t>
  </si>
  <si>
    <t>池尻5</t>
  </si>
  <si>
    <t>県営住宅西野団地</t>
  </si>
  <si>
    <t>兵庫県伊丹市西野3丁目93</t>
  </si>
  <si>
    <t>西野団地</t>
  </si>
  <si>
    <t>池尻6</t>
  </si>
  <si>
    <t>宝塚市境界空地</t>
  </si>
  <si>
    <t>兵庫県伊丹市西野6丁目179</t>
  </si>
  <si>
    <t>小松原</t>
  </si>
  <si>
    <t>池尻7</t>
  </si>
  <si>
    <t>年金西野住宅西角</t>
  </si>
  <si>
    <t>兵庫県伊丹市西野3丁目73</t>
  </si>
  <si>
    <t>厚生年金住宅</t>
  </si>
  <si>
    <t>池尻8</t>
  </si>
  <si>
    <t>西野第3鉄筋住宅西側</t>
  </si>
  <si>
    <t>兵庫県伊丹市西の5丁目69-1</t>
  </si>
  <si>
    <t>西野第3鉄筋</t>
  </si>
  <si>
    <t>池尻9</t>
  </si>
  <si>
    <t>池尻西公園</t>
  </si>
  <si>
    <t>兵庫県伊丹市池尻6丁目地内</t>
  </si>
  <si>
    <t>池尻西部</t>
  </si>
  <si>
    <t>池尻10</t>
  </si>
  <si>
    <t>池尻Ⅱ児童遊園地</t>
  </si>
  <si>
    <t>兵庫県伊丹市池尻3丁目46</t>
  </si>
  <si>
    <t>ほりの里</t>
  </si>
  <si>
    <t>池尻11</t>
  </si>
  <si>
    <t>兵庫県伊丹市西野3丁目144</t>
  </si>
  <si>
    <t>西野北</t>
  </si>
  <si>
    <t>花里1</t>
  </si>
  <si>
    <t>花里小学校</t>
  </si>
  <si>
    <t>兵庫県伊丹市池尻1丁目224</t>
  </si>
  <si>
    <t>池尻南</t>
  </si>
  <si>
    <t>花里4</t>
  </si>
  <si>
    <t>寺本公団14号館南東</t>
  </si>
  <si>
    <t>兵庫県伊丹市寺本4丁目64</t>
  </si>
  <si>
    <t>寺本東</t>
  </si>
  <si>
    <t>花里5</t>
  </si>
  <si>
    <t>池尻公社住宅2号館北側</t>
  </si>
  <si>
    <t>兵庫県伊丹市池尻5丁目24</t>
  </si>
  <si>
    <t>池尻公社住宅</t>
  </si>
  <si>
    <t>花里6</t>
  </si>
  <si>
    <t>若竹児童遊園地東側</t>
  </si>
  <si>
    <t>兵庫県伊丹市奥畑2丁目</t>
  </si>
  <si>
    <t>花里7</t>
  </si>
  <si>
    <t>兵庫県伊丹市奥畑1丁目21</t>
  </si>
  <si>
    <t>北寺本</t>
  </si>
  <si>
    <t>花里8</t>
  </si>
  <si>
    <t>花里小学校南門向</t>
  </si>
  <si>
    <t>兵庫県伊丹市寺本3丁目135</t>
  </si>
  <si>
    <t>花里9</t>
  </si>
  <si>
    <t>兵庫県伊丹市寺本5丁目26</t>
  </si>
  <si>
    <t>寺本</t>
  </si>
  <si>
    <t>昆陽里1</t>
  </si>
  <si>
    <t>昆陽里小学校</t>
  </si>
  <si>
    <t>兵庫県伊丹市野間北3丁目6-11</t>
  </si>
  <si>
    <t>日生住宅</t>
  </si>
  <si>
    <t>昆陽里3</t>
  </si>
  <si>
    <t>山田児童遊園地</t>
  </si>
  <si>
    <t>兵庫県伊丹市山田4丁目4</t>
  </si>
  <si>
    <t>山田</t>
  </si>
  <si>
    <t>昆陽里4</t>
  </si>
  <si>
    <t>兵庫県伊丹市野間北6丁目</t>
  </si>
  <si>
    <t>昆陽里5</t>
  </si>
  <si>
    <t>平田共同住宅北側</t>
  </si>
  <si>
    <t>兵庫県伊丹市昆陽南5丁目14</t>
  </si>
  <si>
    <t>昆陽里6</t>
  </si>
  <si>
    <t>兵庫県伊丹市山田3丁目9-22</t>
  </si>
  <si>
    <t>昆陽里7</t>
  </si>
  <si>
    <t>兵庫県伊丹市山田5丁目11-202</t>
  </si>
  <si>
    <t>山田西在</t>
  </si>
  <si>
    <t>昆陽里8</t>
  </si>
  <si>
    <t>塚口グリーンポリス児童遊園地</t>
  </si>
  <si>
    <t>兵庫県伊丹市野間北1丁目8-41</t>
  </si>
  <si>
    <t>塚口グリーンポリス</t>
  </si>
  <si>
    <t>昆陽里9</t>
  </si>
  <si>
    <t>平田公園北側</t>
  </si>
  <si>
    <t>兵庫県伊丹市野間北6丁目5-7</t>
  </si>
  <si>
    <t>昆陽里10</t>
  </si>
  <si>
    <t>野間笠松センター</t>
  </si>
  <si>
    <t>兵庫県伊丹市野間北4丁目28</t>
  </si>
  <si>
    <t>昆陽里11</t>
  </si>
  <si>
    <t>兵庫県伊丹市山田1丁目113</t>
  </si>
  <si>
    <t>天神川1</t>
  </si>
  <si>
    <t>天神川小学校</t>
  </si>
  <si>
    <t>兵庫県伊丹市北野3丁目46</t>
  </si>
  <si>
    <t>北野</t>
  </si>
  <si>
    <t>天神川2</t>
  </si>
  <si>
    <t>兵庫県伊丹市荒牧1丁目18-30</t>
  </si>
  <si>
    <t>荒牧</t>
  </si>
  <si>
    <t>天神川3</t>
  </si>
  <si>
    <t>桑田公園</t>
  </si>
  <si>
    <t>兵庫県伊丹市荒牧南3丁目6</t>
  </si>
  <si>
    <t>桑田</t>
  </si>
  <si>
    <t>天神川4</t>
  </si>
  <si>
    <t>荻野Ⅰ児童遊園地</t>
  </si>
  <si>
    <t>兵庫県伊丹市荻野西2丁目1</t>
  </si>
  <si>
    <t>荻野西</t>
  </si>
  <si>
    <t>天神川5</t>
  </si>
  <si>
    <t>鶴田団地バス停前</t>
  </si>
  <si>
    <t>兵庫県伊丹市荒牧6丁目20-1</t>
  </si>
  <si>
    <t>鶴田</t>
  </si>
  <si>
    <t>天神川6</t>
  </si>
  <si>
    <t>荒牧第6団地西側</t>
  </si>
  <si>
    <t>兵庫県伊丹市北野4丁目34</t>
  </si>
  <si>
    <t>天神川7</t>
  </si>
  <si>
    <t>兵庫県伊丹市荒牧5丁目2-18</t>
  </si>
  <si>
    <t>天神川8</t>
  </si>
  <si>
    <t>天神川小学校東側</t>
  </si>
  <si>
    <t>兵庫県伊丹市荒牧南3丁目17-12</t>
  </si>
  <si>
    <t>天神川9</t>
  </si>
  <si>
    <t>荻野西バス停</t>
  </si>
  <si>
    <t>兵庫県伊丹市荻野西1丁目1－1</t>
  </si>
  <si>
    <t>天神川10</t>
  </si>
  <si>
    <t>荻野団地南側</t>
  </si>
  <si>
    <t>兵庫県伊丹市荒牧南4丁目15</t>
  </si>
  <si>
    <t>高輪手</t>
  </si>
  <si>
    <t>天神川11</t>
  </si>
  <si>
    <t>北センター</t>
  </si>
  <si>
    <t>兵庫県伊丹市北野1丁目13</t>
  </si>
  <si>
    <t>荻野1</t>
  </si>
  <si>
    <t>荻野小学校</t>
  </si>
  <si>
    <t>兵庫県伊丹市荻野2丁目45</t>
  </si>
  <si>
    <t>荻野</t>
  </si>
  <si>
    <t>荻野2</t>
  </si>
  <si>
    <t>大野センター東側</t>
  </si>
  <si>
    <t>兵庫県伊丹市大野3丁目5</t>
  </si>
  <si>
    <t>大野</t>
  </si>
  <si>
    <t>荻野3</t>
  </si>
  <si>
    <t>兵庫県伊丹市東野5丁目4</t>
  </si>
  <si>
    <t>東野</t>
  </si>
  <si>
    <t>荻野4</t>
  </si>
  <si>
    <t>おぎの幼稚園北側</t>
  </si>
  <si>
    <t>兵庫県伊丹市大野2丁目159</t>
  </si>
  <si>
    <t>荻野5</t>
  </si>
  <si>
    <t>兵庫県伊丹市東野5丁目58</t>
  </si>
  <si>
    <t>荻野6</t>
  </si>
  <si>
    <t>東野センター東側</t>
  </si>
  <si>
    <t>兵庫県伊丹市緑ヶ丘6丁目43-1</t>
  </si>
  <si>
    <t>荻野7</t>
  </si>
  <si>
    <t>兵庫県伊丹市大野1丁目125</t>
  </si>
  <si>
    <t>荻野8</t>
  </si>
  <si>
    <t>兵庫県伊丹市大野3丁目146</t>
  </si>
  <si>
    <t>鴻池1</t>
  </si>
  <si>
    <t>鴻池小学校</t>
  </si>
  <si>
    <t>兵庫県伊丹市鴻池3丁目13－17</t>
  </si>
  <si>
    <t>鴻池</t>
  </si>
  <si>
    <t>鴻池2</t>
  </si>
  <si>
    <t>鴻池公社住宅2Ｂ棟南西側</t>
  </si>
  <si>
    <t>兵庫県伊丹市鴻池1丁目地内</t>
  </si>
  <si>
    <t>鴻池公社住宅</t>
  </si>
  <si>
    <t>鴻池3</t>
  </si>
  <si>
    <t>鴻池団地集会所南西</t>
  </si>
  <si>
    <t>鴻池団地Ａ棟</t>
  </si>
  <si>
    <t>鴻池4</t>
  </si>
  <si>
    <t>城ヶ市公園</t>
  </si>
  <si>
    <t>兵庫県伊丹市瑞原3丁目63</t>
  </si>
  <si>
    <t>瑞原3丁目</t>
  </si>
  <si>
    <t>鴻池5</t>
  </si>
  <si>
    <t>玉田団地集会所南側</t>
  </si>
  <si>
    <t>兵庫県伊丹市中野東1丁目4</t>
  </si>
  <si>
    <t>西玉田</t>
  </si>
  <si>
    <t>鴻池6</t>
  </si>
  <si>
    <t>玉田公園南西角</t>
  </si>
  <si>
    <t>兵庫県伊丹市瑞原2丁目地内</t>
  </si>
  <si>
    <t>瑞原</t>
  </si>
  <si>
    <t>鴻池7</t>
  </si>
  <si>
    <t>兵庫県伊丹市瑞原3丁目4</t>
  </si>
  <si>
    <t>鴻池8</t>
  </si>
  <si>
    <t>兵庫県伊丹市鴻池1丁目8－16</t>
  </si>
  <si>
    <t>鴻池9</t>
  </si>
  <si>
    <t>鴻池児童公園</t>
  </si>
  <si>
    <t>兵庫県伊丹市鴻池6丁目14</t>
  </si>
  <si>
    <t>鴻池10</t>
  </si>
  <si>
    <t>兵庫県伊丹市中野東1丁目261</t>
  </si>
  <si>
    <t>住宅地内</t>
    <rPh sb="0" eb="3">
      <t>ジュウタクチ</t>
    </rPh>
    <rPh sb="3" eb="4">
      <t>ナイ</t>
    </rPh>
    <phoneticPr fontId="18"/>
  </si>
  <si>
    <t>住宅地内　千僧公民館付近</t>
    <rPh sb="0" eb="3">
      <t>ジュウタクチ</t>
    </rPh>
    <rPh sb="3" eb="4">
      <t>ナイ</t>
    </rPh>
    <rPh sb="5" eb="6">
      <t>セン</t>
    </rPh>
    <rPh sb="6" eb="7">
      <t>ソウ</t>
    </rPh>
    <rPh sb="7" eb="10">
      <t>コウミンカン</t>
    </rPh>
    <rPh sb="10" eb="12">
      <t>フキン</t>
    </rPh>
    <phoneticPr fontId="18"/>
  </si>
  <si>
    <t>西野台児童遊園地</t>
    <rPh sb="2" eb="3">
      <t>ダイ</t>
    </rPh>
    <phoneticPr fontId="18"/>
  </si>
  <si>
    <t>長勢児童遊園地</t>
    <phoneticPr fontId="18"/>
  </si>
  <si>
    <t>昆陽東中田児童遊園地付近</t>
    <rPh sb="0" eb="2">
      <t>コンヨウ</t>
    </rPh>
    <rPh sb="2" eb="3">
      <t>ヒガシ</t>
    </rPh>
    <rPh sb="3" eb="5">
      <t>ナカタ</t>
    </rPh>
    <rPh sb="5" eb="7">
      <t>ジドウ</t>
    </rPh>
    <rPh sb="7" eb="9">
      <t>ユウエン</t>
    </rPh>
    <rPh sb="9" eb="10">
      <t>チ</t>
    </rPh>
    <rPh sb="10" eb="12">
      <t>フキン</t>
    </rPh>
    <phoneticPr fontId="18"/>
  </si>
  <si>
    <t>歯科医院南側</t>
    <rPh sb="0" eb="2">
      <t>シカ</t>
    </rPh>
    <rPh sb="2" eb="4">
      <t>イイン</t>
    </rPh>
    <rPh sb="4" eb="6">
      <t>ミナミガワ</t>
    </rPh>
    <phoneticPr fontId="18"/>
  </si>
  <si>
    <t>中央保育所南西</t>
    <rPh sb="5" eb="7">
      <t>ナンセイ</t>
    </rPh>
    <phoneticPr fontId="18"/>
  </si>
  <si>
    <t>宮西会館前</t>
    <phoneticPr fontId="18"/>
  </si>
  <si>
    <t>伊丹第２自転車駐車場西側</t>
    <rPh sb="0" eb="2">
      <t>イタミ</t>
    </rPh>
    <rPh sb="2" eb="3">
      <t>ダイ</t>
    </rPh>
    <rPh sb="4" eb="7">
      <t>ジテンシャ</t>
    </rPh>
    <rPh sb="7" eb="10">
      <t>チュウシャジョウ</t>
    </rPh>
    <rPh sb="10" eb="12">
      <t>ニシガワ</t>
    </rPh>
    <phoneticPr fontId="18"/>
  </si>
  <si>
    <t>若竹公園南側</t>
    <rPh sb="4" eb="6">
      <t>ミナミガワ</t>
    </rPh>
    <phoneticPr fontId="18"/>
  </si>
  <si>
    <t>東野福祉会館南側</t>
    <rPh sb="6" eb="8">
      <t>ミナミガワ</t>
    </rPh>
    <phoneticPr fontId="18"/>
  </si>
  <si>
    <t>東野公園西側</t>
    <rPh sb="4" eb="6">
      <t>ニシガワ</t>
    </rPh>
    <phoneticPr fontId="18"/>
  </si>
  <si>
    <t>大野霊苑西側</t>
    <rPh sb="0" eb="2">
      <t>オオノ</t>
    </rPh>
    <rPh sb="2" eb="4">
      <t>レイエン</t>
    </rPh>
    <rPh sb="4" eb="6">
      <t>ニシガワ</t>
    </rPh>
    <phoneticPr fontId="18"/>
  </si>
  <si>
    <t>駐車場前</t>
    <phoneticPr fontId="18"/>
  </si>
  <si>
    <t>県立伊丹西高校付近</t>
    <rPh sb="0" eb="2">
      <t>ケンリツ</t>
    </rPh>
    <rPh sb="2" eb="4">
      <t>イタミ</t>
    </rPh>
    <rPh sb="4" eb="5">
      <t>ニシ</t>
    </rPh>
    <rPh sb="5" eb="7">
      <t>コウコウ</t>
    </rPh>
    <rPh sb="7" eb="9">
      <t>フキン</t>
    </rPh>
    <phoneticPr fontId="18"/>
  </si>
  <si>
    <t>松崎中学校南東</t>
    <rPh sb="0" eb="2">
      <t>マツザキ</t>
    </rPh>
    <rPh sb="2" eb="5">
      <t>チュウガッコウ</t>
    </rPh>
    <rPh sb="5" eb="7">
      <t>ナントウ</t>
    </rPh>
    <phoneticPr fontId="18"/>
  </si>
  <si>
    <t>住宅地内広場</t>
    <rPh sb="0" eb="3">
      <t>ジュウタクチ</t>
    </rPh>
    <rPh sb="3" eb="4">
      <t>ナイ</t>
    </rPh>
    <rPh sb="4" eb="6">
      <t>ヒロバ</t>
    </rPh>
    <phoneticPr fontId="18"/>
  </si>
  <si>
    <t>閼伽井公園南東交差点</t>
    <rPh sb="0" eb="1">
      <t>ア</t>
    </rPh>
    <rPh sb="1" eb="2">
      <t>カ</t>
    </rPh>
    <rPh sb="3" eb="5">
      <t>コウエン</t>
    </rPh>
    <rPh sb="5" eb="7">
      <t>ナントウ</t>
    </rPh>
    <rPh sb="7" eb="10">
      <t>コウサテン</t>
    </rPh>
    <phoneticPr fontId="18"/>
  </si>
  <si>
    <t>東野</t>
    <phoneticPr fontId="18"/>
  </si>
  <si>
    <t>戎</t>
    <rPh sb="0" eb="1">
      <t>エビス</t>
    </rPh>
    <phoneticPr fontId="18"/>
  </si>
  <si>
    <t>茶園</t>
    <phoneticPr fontId="18"/>
  </si>
  <si>
    <t>北本町</t>
    <rPh sb="0" eb="3">
      <t>キタホンマチ</t>
    </rPh>
    <phoneticPr fontId="18"/>
  </si>
  <si>
    <t>森本</t>
    <phoneticPr fontId="18"/>
  </si>
  <si>
    <t>中野</t>
    <rPh sb="0" eb="1">
      <t>ナカ</t>
    </rPh>
    <rPh sb="1" eb="2">
      <t>ノ</t>
    </rPh>
    <phoneticPr fontId="18"/>
  </si>
  <si>
    <t>寺本</t>
    <rPh sb="0" eb="2">
      <t>テラモト</t>
    </rPh>
    <phoneticPr fontId="18"/>
  </si>
  <si>
    <t>北寺本</t>
    <rPh sb="0" eb="1">
      <t>キタ</t>
    </rPh>
    <phoneticPr fontId="18"/>
  </si>
  <si>
    <t>野間北</t>
    <rPh sb="0" eb="2">
      <t>ノマ</t>
    </rPh>
    <rPh sb="2" eb="3">
      <t>キタ</t>
    </rPh>
    <phoneticPr fontId="18"/>
  </si>
  <si>
    <t>昆陽南5丁目</t>
    <rPh sb="0" eb="2">
      <t>コンヨウ</t>
    </rPh>
    <rPh sb="4" eb="6">
      <t>チョウメ</t>
    </rPh>
    <phoneticPr fontId="18"/>
  </si>
  <si>
    <t>昆陽双葉南</t>
    <rPh sb="0" eb="2">
      <t>コンヨウ</t>
    </rPh>
    <phoneticPr fontId="18"/>
  </si>
  <si>
    <t>泉町</t>
    <phoneticPr fontId="18"/>
  </si>
  <si>
    <t>住宅地内（金岡川沿い）</t>
    <rPh sb="0" eb="3">
      <t>ジュウタクチ</t>
    </rPh>
    <rPh sb="3" eb="4">
      <t>ナイ</t>
    </rPh>
    <rPh sb="5" eb="7">
      <t>カナオカ</t>
    </rPh>
    <rPh sb="7" eb="8">
      <t>ガワ</t>
    </rPh>
    <rPh sb="8" eb="9">
      <t>ゾ</t>
    </rPh>
    <phoneticPr fontId="18"/>
  </si>
  <si>
    <t>南町自治会館前</t>
    <phoneticPr fontId="18"/>
  </si>
  <si>
    <t>木材店東北道路沿い</t>
    <rPh sb="0" eb="2">
      <t>モクザイ</t>
    </rPh>
    <rPh sb="2" eb="3">
      <t>テン</t>
    </rPh>
    <rPh sb="3" eb="5">
      <t>トウホク</t>
    </rPh>
    <rPh sb="5" eb="7">
      <t>ドウロ</t>
    </rPh>
    <rPh sb="7" eb="8">
      <t>ゾ</t>
    </rPh>
    <phoneticPr fontId="18"/>
  </si>
  <si>
    <t>林</t>
    <phoneticPr fontId="18"/>
  </si>
  <si>
    <t>鈴原小学校</t>
    <rPh sb="0" eb="2">
      <t>スズハラ</t>
    </rPh>
    <phoneticPr fontId="18"/>
  </si>
  <si>
    <t>鈴原10</t>
    <phoneticPr fontId="18"/>
  </si>
  <si>
    <t>神社前</t>
    <phoneticPr fontId="18"/>
  </si>
  <si>
    <t>荒牧第7団地東側</t>
    <rPh sb="6" eb="8">
      <t>ヒガシガワ</t>
    </rPh>
    <phoneticPr fontId="18"/>
  </si>
  <si>
    <t>荒牧ゆめひろば</t>
    <rPh sb="0" eb="2">
      <t>アラマキ</t>
    </rPh>
    <phoneticPr fontId="18"/>
  </si>
  <si>
    <t>荒牧中学校西側バス停</t>
    <rPh sb="5" eb="7">
      <t>ニシガワ</t>
    </rPh>
    <phoneticPr fontId="18"/>
  </si>
  <si>
    <t>工務店東</t>
    <rPh sb="0" eb="3">
      <t>コウムテン</t>
    </rPh>
    <phoneticPr fontId="18"/>
  </si>
  <si>
    <t>霊園北側</t>
    <phoneticPr fontId="18"/>
  </si>
  <si>
    <t>西御願塚</t>
    <rPh sb="0" eb="1">
      <t>ニシ</t>
    </rPh>
    <phoneticPr fontId="18"/>
  </si>
  <si>
    <t>鈴原9</t>
    <rPh sb="0" eb="2">
      <t>スズハラ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1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ＭＳ Ｐゴシック"/>
      <family val="2"/>
      <charset val="128"/>
    </font>
    <font>
      <b/>
      <sz val="13"/>
      <color theme="3"/>
      <name val="ＭＳ Ｐゴシック"/>
      <family val="2"/>
      <charset val="128"/>
    </font>
    <font>
      <b/>
      <sz val="11"/>
      <color theme="3"/>
      <name val="ＭＳ Ｐゴシック"/>
      <family val="2"/>
      <charset val="128"/>
    </font>
    <font>
      <sz val="11"/>
      <color rgb="FF006100"/>
      <name val="ＭＳ Ｐゴシック"/>
      <family val="2"/>
      <charset val="128"/>
    </font>
    <font>
      <sz val="11"/>
      <color rgb="FF9C0006"/>
      <name val="ＭＳ Ｐゴシック"/>
      <family val="2"/>
      <charset val="128"/>
    </font>
    <font>
      <sz val="11"/>
      <color rgb="FF9C6500"/>
      <name val="ＭＳ Ｐゴシック"/>
      <family val="2"/>
      <charset val="128"/>
    </font>
    <font>
      <sz val="11"/>
      <color rgb="FF3F3F76"/>
      <name val="ＭＳ Ｐゴシック"/>
      <family val="2"/>
      <charset val="128"/>
    </font>
    <font>
      <b/>
      <sz val="11"/>
      <color rgb="FF3F3F3F"/>
      <name val="ＭＳ Ｐゴシック"/>
      <family val="2"/>
      <charset val="128"/>
    </font>
    <font>
      <b/>
      <sz val="11"/>
      <color rgb="FFFA7D00"/>
      <name val="ＭＳ Ｐゴシック"/>
      <family val="2"/>
      <charset val="128"/>
    </font>
    <font>
      <sz val="11"/>
      <color rgb="FFFA7D00"/>
      <name val="ＭＳ Ｐゴシック"/>
      <family val="2"/>
      <charset val="128"/>
    </font>
    <font>
      <b/>
      <sz val="11"/>
      <color theme="0"/>
      <name val="ＭＳ Ｐゴシック"/>
      <family val="2"/>
      <charset val="128"/>
    </font>
    <font>
      <sz val="11"/>
      <color rgb="FFFF0000"/>
      <name val="ＭＳ Ｐゴシック"/>
      <family val="2"/>
      <charset val="128"/>
    </font>
    <font>
      <i/>
      <sz val="11"/>
      <color rgb="FF7F7F7F"/>
      <name val="ＭＳ Ｐゴシック"/>
      <family val="2"/>
      <charset val="128"/>
    </font>
    <font>
      <b/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6"/>
      <name val="ＭＳ Ｐゴシック"/>
      <family val="2"/>
      <charset val="128"/>
    </font>
    <font>
      <sz val="11"/>
      <name val="ＭＳ Ｐゴシック"/>
      <family val="2"/>
      <charset val="128"/>
    </font>
    <font>
      <sz val="11"/>
      <name val="ＭＳ Ｐ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7">
    <xf numFmtId="0" fontId="0" fillId="0" borderId="0" xfId="0">
      <alignment vertical="center"/>
    </xf>
    <xf numFmtId="0" fontId="0" fillId="0" borderId="10" xfId="0" applyBorder="1" applyAlignment="1">
      <alignment vertical="top" shrinkToFit="1"/>
    </xf>
    <xf numFmtId="0" fontId="0" fillId="0" borderId="0" xfId="0" applyAlignment="1">
      <alignment vertical="top" shrinkToFit="1"/>
    </xf>
    <xf numFmtId="0" fontId="0" fillId="0" borderId="10" xfId="0" applyFill="1" applyBorder="1" applyAlignment="1">
      <alignment vertical="top" shrinkToFit="1"/>
    </xf>
    <xf numFmtId="0" fontId="19" fillId="0" borderId="10" xfId="0" applyFont="1" applyFill="1" applyBorder="1" applyAlignment="1">
      <alignment vertical="top" shrinkToFit="1"/>
    </xf>
    <xf numFmtId="0" fontId="20" fillId="0" borderId="10" xfId="0" applyFont="1" applyFill="1" applyBorder="1" applyAlignment="1">
      <alignment vertical="top" shrinkToFit="1"/>
    </xf>
    <xf numFmtId="0" fontId="0" fillId="0" borderId="0" xfId="0" applyFill="1" applyAlignment="1">
      <alignment vertical="top" shrinkToFit="1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69"/>
  <sheetViews>
    <sheetView tabSelected="1" view="pageLayout" zoomScaleNormal="100" workbookViewId="0">
      <selection activeCell="F3" sqref="F3"/>
    </sheetView>
  </sheetViews>
  <sheetFormatPr defaultRowHeight="22.5" customHeight="1" x14ac:dyDescent="0.15"/>
  <cols>
    <col min="1" max="1" width="4.25" style="2" customWidth="1"/>
    <col min="2" max="2" width="5.375" style="2" customWidth="1"/>
    <col min="3" max="3" width="9" style="2" customWidth="1"/>
    <col min="4" max="4" width="56" style="6" customWidth="1"/>
    <col min="5" max="5" width="27.625" style="2" customWidth="1"/>
    <col min="6" max="6" width="27.5" style="6" customWidth="1"/>
    <col min="7" max="16384" width="9" style="2"/>
  </cols>
  <sheetData>
    <row r="1" spans="1:6" ht="22.5" customHeight="1" x14ac:dyDescent="0.15">
      <c r="A1" s="1" t="s">
        <v>0</v>
      </c>
      <c r="B1" s="1" t="s">
        <v>1</v>
      </c>
      <c r="C1" s="1" t="s">
        <v>2</v>
      </c>
      <c r="D1" s="3" t="s">
        <v>3</v>
      </c>
      <c r="E1" s="1" t="s">
        <v>4</v>
      </c>
      <c r="F1" s="3" t="s">
        <v>5</v>
      </c>
    </row>
    <row r="2" spans="1:6" ht="22.5" customHeight="1" x14ac:dyDescent="0.15">
      <c r="A2" s="1">
        <v>1</v>
      </c>
      <c r="B2" s="1" t="s">
        <v>6</v>
      </c>
      <c r="C2" s="1" t="s">
        <v>7</v>
      </c>
      <c r="D2" s="3" t="s">
        <v>8</v>
      </c>
      <c r="E2" s="1" t="s">
        <v>9</v>
      </c>
      <c r="F2" s="3" t="s">
        <v>10</v>
      </c>
    </row>
    <row r="3" spans="1:6" ht="22.5" customHeight="1" x14ac:dyDescent="0.15">
      <c r="A3" s="1">
        <v>2</v>
      </c>
      <c r="B3" s="1" t="s">
        <v>11</v>
      </c>
      <c r="C3" s="1" t="s">
        <v>7</v>
      </c>
      <c r="D3" s="3" t="s">
        <v>12</v>
      </c>
      <c r="E3" s="1" t="s">
        <v>13</v>
      </c>
      <c r="F3" s="3" t="s">
        <v>14</v>
      </c>
    </row>
    <row r="4" spans="1:6" ht="22.5" customHeight="1" x14ac:dyDescent="0.15">
      <c r="A4" s="1">
        <v>3</v>
      </c>
      <c r="B4" s="1" t="s">
        <v>15</v>
      </c>
      <c r="C4" s="1" t="s">
        <v>7</v>
      </c>
      <c r="D4" s="3" t="s">
        <v>16</v>
      </c>
      <c r="E4" s="1" t="s">
        <v>17</v>
      </c>
      <c r="F4" s="3" t="s">
        <v>18</v>
      </c>
    </row>
    <row r="5" spans="1:6" ht="22.5" customHeight="1" x14ac:dyDescent="0.15">
      <c r="A5" s="1">
        <v>4</v>
      </c>
      <c r="B5" s="1" t="s">
        <v>19</v>
      </c>
      <c r="C5" s="1" t="s">
        <v>7</v>
      </c>
      <c r="D5" s="3" t="s">
        <v>20</v>
      </c>
      <c r="E5" s="1" t="s">
        <v>21</v>
      </c>
      <c r="F5" s="3" t="s">
        <v>22</v>
      </c>
    </row>
    <row r="6" spans="1:6" ht="22.5" customHeight="1" x14ac:dyDescent="0.15">
      <c r="A6" s="1">
        <v>5</v>
      </c>
      <c r="B6" s="1" t="s">
        <v>23</v>
      </c>
      <c r="C6" s="1" t="s">
        <v>7</v>
      </c>
      <c r="D6" s="3" t="s">
        <v>24</v>
      </c>
      <c r="E6" s="1" t="s">
        <v>25</v>
      </c>
      <c r="F6" s="3" t="s">
        <v>589</v>
      </c>
    </row>
    <row r="7" spans="1:6" ht="22.5" customHeight="1" x14ac:dyDescent="0.15">
      <c r="A7" s="1">
        <v>6</v>
      </c>
      <c r="B7" s="1" t="s">
        <v>26</v>
      </c>
      <c r="C7" s="1" t="s">
        <v>7</v>
      </c>
      <c r="D7" s="3" t="s">
        <v>575</v>
      </c>
      <c r="E7" s="1" t="s">
        <v>27</v>
      </c>
      <c r="F7" s="3" t="s">
        <v>28</v>
      </c>
    </row>
    <row r="8" spans="1:6" ht="22.5" customHeight="1" x14ac:dyDescent="0.15">
      <c r="A8" s="1">
        <v>7</v>
      </c>
      <c r="B8" s="1" t="s">
        <v>29</v>
      </c>
      <c r="C8" s="1" t="s">
        <v>7</v>
      </c>
      <c r="D8" s="3" t="s">
        <v>30</v>
      </c>
      <c r="E8" s="1" t="s">
        <v>31</v>
      </c>
      <c r="F8" s="3" t="s">
        <v>32</v>
      </c>
    </row>
    <row r="9" spans="1:6" ht="22.5" customHeight="1" x14ac:dyDescent="0.15">
      <c r="A9" s="1">
        <v>8</v>
      </c>
      <c r="B9" s="1" t="s">
        <v>33</v>
      </c>
      <c r="C9" s="1" t="s">
        <v>7</v>
      </c>
      <c r="D9" s="3" t="s">
        <v>34</v>
      </c>
      <c r="E9" s="1" t="s">
        <v>35</v>
      </c>
      <c r="F9" s="3" t="s">
        <v>14</v>
      </c>
    </row>
    <row r="10" spans="1:6" ht="22.5" customHeight="1" x14ac:dyDescent="0.15">
      <c r="A10" s="1">
        <v>9</v>
      </c>
      <c r="B10" s="1" t="s">
        <v>36</v>
      </c>
      <c r="C10" s="1" t="s">
        <v>7</v>
      </c>
      <c r="D10" s="3" t="s">
        <v>37</v>
      </c>
      <c r="E10" s="1" t="s">
        <v>38</v>
      </c>
      <c r="F10" s="3" t="s">
        <v>39</v>
      </c>
    </row>
    <row r="11" spans="1:6" ht="22.5" customHeight="1" x14ac:dyDescent="0.15">
      <c r="A11" s="1">
        <v>10</v>
      </c>
      <c r="B11" s="1" t="s">
        <v>40</v>
      </c>
      <c r="C11" s="1" t="s">
        <v>7</v>
      </c>
      <c r="D11" s="3" t="s">
        <v>41</v>
      </c>
      <c r="E11" s="1" t="s">
        <v>42</v>
      </c>
      <c r="F11" s="3" t="s">
        <v>590</v>
      </c>
    </row>
    <row r="12" spans="1:6" ht="22.5" customHeight="1" x14ac:dyDescent="0.15">
      <c r="A12" s="1">
        <v>11</v>
      </c>
      <c r="B12" s="1" t="s">
        <v>43</v>
      </c>
      <c r="C12" s="1" t="s">
        <v>7</v>
      </c>
      <c r="D12" s="3" t="s">
        <v>44</v>
      </c>
      <c r="E12" s="1" t="s">
        <v>45</v>
      </c>
      <c r="F12" s="3" t="s">
        <v>591</v>
      </c>
    </row>
    <row r="13" spans="1:6" ht="22.5" customHeight="1" x14ac:dyDescent="0.15">
      <c r="A13" s="1">
        <v>12</v>
      </c>
      <c r="B13" s="1" t="s">
        <v>46</v>
      </c>
      <c r="C13" s="1" t="s">
        <v>7</v>
      </c>
      <c r="D13" s="3" t="s">
        <v>576</v>
      </c>
      <c r="E13" s="1" t="s">
        <v>47</v>
      </c>
      <c r="F13" s="3" t="s">
        <v>48</v>
      </c>
    </row>
    <row r="14" spans="1:6" ht="22.5" customHeight="1" x14ac:dyDescent="0.15">
      <c r="A14" s="1">
        <v>13</v>
      </c>
      <c r="B14" s="1" t="s">
        <v>49</v>
      </c>
      <c r="C14" s="1" t="s">
        <v>7</v>
      </c>
      <c r="D14" s="3" t="s">
        <v>50</v>
      </c>
      <c r="E14" s="1" t="s">
        <v>25</v>
      </c>
      <c r="F14" s="3" t="s">
        <v>589</v>
      </c>
    </row>
    <row r="15" spans="1:6" ht="22.5" customHeight="1" x14ac:dyDescent="0.15">
      <c r="A15" s="1">
        <v>14</v>
      </c>
      <c r="B15" s="1" t="s">
        <v>51</v>
      </c>
      <c r="C15" s="1" t="s">
        <v>7</v>
      </c>
      <c r="D15" s="3" t="s">
        <v>577</v>
      </c>
      <c r="E15" s="1" t="s">
        <v>52</v>
      </c>
      <c r="F15" s="3" t="s">
        <v>53</v>
      </c>
    </row>
    <row r="16" spans="1:6" ht="22.5" customHeight="1" x14ac:dyDescent="0.15">
      <c r="A16" s="1">
        <v>15</v>
      </c>
      <c r="B16" s="1" t="s">
        <v>54</v>
      </c>
      <c r="C16" s="1" t="s">
        <v>55</v>
      </c>
      <c r="D16" s="3" t="s">
        <v>578</v>
      </c>
      <c r="E16" s="1" t="s">
        <v>56</v>
      </c>
      <c r="F16" s="3" t="s">
        <v>57</v>
      </c>
    </row>
    <row r="17" spans="1:6" ht="22.5" customHeight="1" x14ac:dyDescent="0.15">
      <c r="A17" s="1">
        <v>16</v>
      </c>
      <c r="B17" s="1" t="s">
        <v>58</v>
      </c>
      <c r="C17" s="1" t="s">
        <v>55</v>
      </c>
      <c r="D17" s="3" t="s">
        <v>59</v>
      </c>
      <c r="E17" s="1" t="s">
        <v>60</v>
      </c>
      <c r="F17" s="3" t="s">
        <v>61</v>
      </c>
    </row>
    <row r="18" spans="1:6" ht="22.5" customHeight="1" x14ac:dyDescent="0.15">
      <c r="A18" s="1">
        <v>17</v>
      </c>
      <c r="B18" s="1" t="s">
        <v>62</v>
      </c>
      <c r="C18" s="1" t="s">
        <v>55</v>
      </c>
      <c r="D18" s="3" t="s">
        <v>63</v>
      </c>
      <c r="E18" s="1" t="s">
        <v>64</v>
      </c>
      <c r="F18" s="3" t="s">
        <v>65</v>
      </c>
    </row>
    <row r="19" spans="1:6" ht="22.5" customHeight="1" x14ac:dyDescent="0.15">
      <c r="A19" s="1">
        <v>18</v>
      </c>
      <c r="B19" s="1" t="s">
        <v>66</v>
      </c>
      <c r="C19" s="1" t="s">
        <v>55</v>
      </c>
      <c r="D19" s="3" t="s">
        <v>67</v>
      </c>
      <c r="E19" s="1" t="s">
        <v>64</v>
      </c>
      <c r="F19" s="3" t="s">
        <v>65</v>
      </c>
    </row>
    <row r="20" spans="1:6" ht="22.5" customHeight="1" x14ac:dyDescent="0.15">
      <c r="A20" s="1">
        <v>19</v>
      </c>
      <c r="B20" s="1" t="s">
        <v>68</v>
      </c>
      <c r="C20" s="1" t="s">
        <v>55</v>
      </c>
      <c r="D20" s="3" t="s">
        <v>69</v>
      </c>
      <c r="E20" s="1" t="s">
        <v>70</v>
      </c>
      <c r="F20" s="3" t="s">
        <v>71</v>
      </c>
    </row>
    <row r="21" spans="1:6" ht="22.5" customHeight="1" x14ac:dyDescent="0.15">
      <c r="A21" s="1">
        <v>20</v>
      </c>
      <c r="B21" s="1" t="s">
        <v>72</v>
      </c>
      <c r="C21" s="1" t="s">
        <v>55</v>
      </c>
      <c r="D21" s="3" t="s">
        <v>73</v>
      </c>
      <c r="E21" s="1" t="s">
        <v>74</v>
      </c>
      <c r="F21" s="3" t="s">
        <v>75</v>
      </c>
    </row>
    <row r="22" spans="1:6" ht="22.5" customHeight="1" x14ac:dyDescent="0.15">
      <c r="A22" s="1">
        <v>21</v>
      </c>
      <c r="B22" s="1" t="s">
        <v>76</v>
      </c>
      <c r="C22" s="1" t="s">
        <v>55</v>
      </c>
      <c r="D22" s="3" t="s">
        <v>77</v>
      </c>
      <c r="E22" s="1" t="s">
        <v>78</v>
      </c>
      <c r="F22" s="3" t="s">
        <v>79</v>
      </c>
    </row>
    <row r="23" spans="1:6" ht="22.5" customHeight="1" x14ac:dyDescent="0.15">
      <c r="A23" s="1">
        <v>22</v>
      </c>
      <c r="B23" s="1" t="s">
        <v>80</v>
      </c>
      <c r="C23" s="1" t="s">
        <v>55</v>
      </c>
      <c r="D23" s="3" t="s">
        <v>81</v>
      </c>
      <c r="E23" s="1" t="s">
        <v>82</v>
      </c>
      <c r="F23" s="3" t="s">
        <v>75</v>
      </c>
    </row>
    <row r="24" spans="1:6" ht="22.5" customHeight="1" x14ac:dyDescent="0.15">
      <c r="A24" s="1">
        <v>23</v>
      </c>
      <c r="B24" s="1" t="s">
        <v>83</v>
      </c>
      <c r="C24" s="1" t="s">
        <v>84</v>
      </c>
      <c r="D24" s="3" t="s">
        <v>571</v>
      </c>
      <c r="E24" s="1" t="s">
        <v>85</v>
      </c>
      <c r="F24" s="3" t="s">
        <v>86</v>
      </c>
    </row>
    <row r="25" spans="1:6" ht="22.5" customHeight="1" x14ac:dyDescent="0.15">
      <c r="A25" s="1">
        <v>24</v>
      </c>
      <c r="B25" s="1" t="s">
        <v>87</v>
      </c>
      <c r="C25" s="1" t="s">
        <v>84</v>
      </c>
      <c r="D25" s="3" t="s">
        <v>88</v>
      </c>
      <c r="E25" s="1" t="s">
        <v>89</v>
      </c>
      <c r="F25" s="3" t="s">
        <v>90</v>
      </c>
    </row>
    <row r="26" spans="1:6" ht="22.5" customHeight="1" x14ac:dyDescent="0.15">
      <c r="A26" s="1">
        <v>25</v>
      </c>
      <c r="B26" s="1" t="s">
        <v>91</v>
      </c>
      <c r="C26" s="1" t="s">
        <v>84</v>
      </c>
      <c r="D26" s="3" t="s">
        <v>573</v>
      </c>
      <c r="E26" s="1" t="s">
        <v>92</v>
      </c>
      <c r="F26" s="3" t="s">
        <v>93</v>
      </c>
    </row>
    <row r="27" spans="1:6" ht="22.5" customHeight="1" x14ac:dyDescent="0.15">
      <c r="A27" s="1">
        <v>26</v>
      </c>
      <c r="B27" s="1" t="s">
        <v>94</v>
      </c>
      <c r="C27" s="1" t="s">
        <v>84</v>
      </c>
      <c r="D27" s="3" t="s">
        <v>95</v>
      </c>
      <c r="E27" s="1" t="s">
        <v>96</v>
      </c>
      <c r="F27" s="3" t="s">
        <v>97</v>
      </c>
    </row>
    <row r="28" spans="1:6" ht="22.5" customHeight="1" x14ac:dyDescent="0.15">
      <c r="A28" s="1">
        <v>27</v>
      </c>
      <c r="B28" s="1" t="s">
        <v>98</v>
      </c>
      <c r="C28" s="1" t="s">
        <v>84</v>
      </c>
      <c r="D28" s="3" t="s">
        <v>574</v>
      </c>
      <c r="E28" s="1" t="s">
        <v>99</v>
      </c>
      <c r="F28" s="3" t="s">
        <v>100</v>
      </c>
    </row>
    <row r="29" spans="1:6" ht="22.5" customHeight="1" x14ac:dyDescent="0.15">
      <c r="A29" s="1">
        <v>28</v>
      </c>
      <c r="B29" s="1" t="s">
        <v>101</v>
      </c>
      <c r="C29" s="1" t="s">
        <v>84</v>
      </c>
      <c r="D29" s="3" t="s">
        <v>102</v>
      </c>
      <c r="E29" s="1" t="s">
        <v>103</v>
      </c>
      <c r="F29" s="3" t="s">
        <v>104</v>
      </c>
    </row>
    <row r="30" spans="1:6" ht="22.5" customHeight="1" x14ac:dyDescent="0.15">
      <c r="A30" s="1">
        <v>29</v>
      </c>
      <c r="B30" s="1" t="s">
        <v>105</v>
      </c>
      <c r="C30" s="1" t="s">
        <v>84</v>
      </c>
      <c r="D30" s="3" t="s">
        <v>570</v>
      </c>
      <c r="E30" s="1" t="s">
        <v>106</v>
      </c>
      <c r="F30" s="3" t="s">
        <v>93</v>
      </c>
    </row>
    <row r="31" spans="1:6" ht="22.5" customHeight="1" x14ac:dyDescent="0.15">
      <c r="A31" s="1">
        <v>30</v>
      </c>
      <c r="B31" s="1" t="s">
        <v>107</v>
      </c>
      <c r="C31" s="1" t="s">
        <v>84</v>
      </c>
      <c r="D31" s="3" t="s">
        <v>570</v>
      </c>
      <c r="E31" s="1" t="s">
        <v>108</v>
      </c>
      <c r="F31" s="3" t="s">
        <v>109</v>
      </c>
    </row>
    <row r="32" spans="1:6" ht="22.5" customHeight="1" x14ac:dyDescent="0.15">
      <c r="A32" s="1">
        <v>31</v>
      </c>
      <c r="B32" s="1" t="s">
        <v>110</v>
      </c>
      <c r="C32" s="1" t="s">
        <v>84</v>
      </c>
      <c r="D32" s="3" t="s">
        <v>570</v>
      </c>
      <c r="E32" s="1" t="s">
        <v>111</v>
      </c>
      <c r="F32" s="3" t="s">
        <v>93</v>
      </c>
    </row>
    <row r="33" spans="1:6" ht="22.5" customHeight="1" x14ac:dyDescent="0.15">
      <c r="A33" s="1">
        <v>32</v>
      </c>
      <c r="B33" s="1" t="s">
        <v>112</v>
      </c>
      <c r="C33" s="1" t="s">
        <v>84</v>
      </c>
      <c r="D33" s="3" t="s">
        <v>570</v>
      </c>
      <c r="E33" s="1" t="s">
        <v>113</v>
      </c>
      <c r="F33" s="3" t="s">
        <v>114</v>
      </c>
    </row>
    <row r="34" spans="1:6" ht="22.5" customHeight="1" x14ac:dyDescent="0.15">
      <c r="A34" s="1">
        <v>33</v>
      </c>
      <c r="B34" s="1" t="s">
        <v>115</v>
      </c>
      <c r="C34" s="1" t="s">
        <v>84</v>
      </c>
      <c r="D34" s="3" t="s">
        <v>570</v>
      </c>
      <c r="E34" s="1" t="s">
        <v>116</v>
      </c>
      <c r="F34" s="3" t="s">
        <v>90</v>
      </c>
    </row>
    <row r="35" spans="1:6" ht="22.5" customHeight="1" x14ac:dyDescent="0.15">
      <c r="A35" s="1">
        <v>34</v>
      </c>
      <c r="B35" s="1" t="s">
        <v>117</v>
      </c>
      <c r="C35" s="1" t="s">
        <v>118</v>
      </c>
      <c r="D35" s="3" t="s">
        <v>570</v>
      </c>
      <c r="E35" s="1" t="s">
        <v>119</v>
      </c>
      <c r="F35" s="3" t="s">
        <v>598</v>
      </c>
    </row>
    <row r="36" spans="1:6" ht="22.5" customHeight="1" x14ac:dyDescent="0.15">
      <c r="A36" s="1">
        <v>35</v>
      </c>
      <c r="B36" s="1" t="s">
        <v>120</v>
      </c>
      <c r="C36" s="1" t="s">
        <v>118</v>
      </c>
      <c r="D36" s="3" t="s">
        <v>570</v>
      </c>
      <c r="E36" s="1" t="s">
        <v>121</v>
      </c>
      <c r="F36" s="3"/>
    </row>
    <row r="37" spans="1:6" ht="22.5" customHeight="1" x14ac:dyDescent="0.15">
      <c r="A37" s="1">
        <v>36</v>
      </c>
      <c r="B37" s="1" t="s">
        <v>122</v>
      </c>
      <c r="C37" s="1" t="s">
        <v>118</v>
      </c>
      <c r="D37" s="3" t="s">
        <v>123</v>
      </c>
      <c r="E37" s="1" t="s">
        <v>124</v>
      </c>
      <c r="F37" s="3" t="s">
        <v>125</v>
      </c>
    </row>
    <row r="38" spans="1:6" ht="22.5" customHeight="1" x14ac:dyDescent="0.15">
      <c r="A38" s="1">
        <v>37</v>
      </c>
      <c r="B38" s="1" t="s">
        <v>126</v>
      </c>
      <c r="C38" s="1" t="s">
        <v>118</v>
      </c>
      <c r="D38" s="3" t="s">
        <v>127</v>
      </c>
      <c r="E38" s="1" t="s">
        <v>128</v>
      </c>
      <c r="F38" s="3" t="s">
        <v>129</v>
      </c>
    </row>
    <row r="39" spans="1:6" ht="22.5" customHeight="1" x14ac:dyDescent="0.15">
      <c r="A39" s="1">
        <v>38</v>
      </c>
      <c r="B39" s="1" t="s">
        <v>130</v>
      </c>
      <c r="C39" s="1" t="s">
        <v>118</v>
      </c>
      <c r="D39" s="3" t="s">
        <v>570</v>
      </c>
      <c r="E39" s="1" t="s">
        <v>131</v>
      </c>
      <c r="F39" s="3" t="s">
        <v>132</v>
      </c>
    </row>
    <row r="40" spans="1:6" ht="22.5" customHeight="1" x14ac:dyDescent="0.15">
      <c r="A40" s="1">
        <v>39</v>
      </c>
      <c r="B40" s="1" t="s">
        <v>133</v>
      </c>
      <c r="C40" s="1" t="s">
        <v>118</v>
      </c>
      <c r="D40" s="3" t="s">
        <v>134</v>
      </c>
      <c r="E40" s="1" t="s">
        <v>135</v>
      </c>
      <c r="F40" s="3" t="s">
        <v>136</v>
      </c>
    </row>
    <row r="41" spans="1:6" ht="22.5" customHeight="1" x14ac:dyDescent="0.15">
      <c r="A41" s="1">
        <v>40</v>
      </c>
      <c r="B41" s="1" t="s">
        <v>137</v>
      </c>
      <c r="C41" s="1" t="s">
        <v>118</v>
      </c>
      <c r="D41" s="3" t="s">
        <v>570</v>
      </c>
      <c r="E41" s="1" t="s">
        <v>138</v>
      </c>
      <c r="F41" s="3" t="s">
        <v>599</v>
      </c>
    </row>
    <row r="42" spans="1:6" ht="22.5" customHeight="1" x14ac:dyDescent="0.15">
      <c r="A42" s="1">
        <v>41</v>
      </c>
      <c r="B42" s="1" t="s">
        <v>139</v>
      </c>
      <c r="C42" s="1" t="s">
        <v>118</v>
      </c>
      <c r="D42" s="3" t="s">
        <v>570</v>
      </c>
      <c r="E42" s="1" t="s">
        <v>140</v>
      </c>
      <c r="F42" s="3" t="s">
        <v>599</v>
      </c>
    </row>
    <row r="43" spans="1:6" ht="22.5" customHeight="1" x14ac:dyDescent="0.15">
      <c r="A43" s="1">
        <v>42</v>
      </c>
      <c r="B43" s="1" t="s">
        <v>141</v>
      </c>
      <c r="C43" s="1" t="s">
        <v>142</v>
      </c>
      <c r="D43" s="3" t="s">
        <v>143</v>
      </c>
      <c r="E43" s="1" t="s">
        <v>144</v>
      </c>
      <c r="F43" s="3" t="s">
        <v>145</v>
      </c>
    </row>
    <row r="44" spans="1:6" ht="22.5" customHeight="1" x14ac:dyDescent="0.15">
      <c r="A44" s="1">
        <v>43</v>
      </c>
      <c r="B44" s="1" t="s">
        <v>146</v>
      </c>
      <c r="C44" s="1" t="s">
        <v>142</v>
      </c>
      <c r="D44" s="3" t="s">
        <v>147</v>
      </c>
      <c r="E44" s="1" t="s">
        <v>148</v>
      </c>
      <c r="F44" s="3" t="s">
        <v>149</v>
      </c>
    </row>
    <row r="45" spans="1:6" ht="22.5" customHeight="1" x14ac:dyDescent="0.15">
      <c r="A45" s="1">
        <v>44</v>
      </c>
      <c r="B45" s="1" t="s">
        <v>150</v>
      </c>
      <c r="C45" s="1" t="s">
        <v>142</v>
      </c>
      <c r="D45" s="3" t="s">
        <v>151</v>
      </c>
      <c r="E45" s="1" t="s">
        <v>152</v>
      </c>
      <c r="F45" s="3" t="s">
        <v>153</v>
      </c>
    </row>
    <row r="46" spans="1:6" ht="22.5" customHeight="1" x14ac:dyDescent="0.15">
      <c r="A46" s="1">
        <v>45</v>
      </c>
      <c r="B46" s="1" t="s">
        <v>154</v>
      </c>
      <c r="C46" s="1" t="s">
        <v>142</v>
      </c>
      <c r="D46" s="3" t="s">
        <v>155</v>
      </c>
      <c r="E46" s="1" t="s">
        <v>156</v>
      </c>
      <c r="F46" s="3" t="s">
        <v>157</v>
      </c>
    </row>
    <row r="47" spans="1:6" ht="22.5" customHeight="1" x14ac:dyDescent="0.15">
      <c r="A47" s="1">
        <v>46</v>
      </c>
      <c r="B47" s="1" t="s">
        <v>158</v>
      </c>
      <c r="C47" s="1" t="s">
        <v>142</v>
      </c>
      <c r="D47" s="3" t="s">
        <v>159</v>
      </c>
      <c r="E47" s="1" t="s">
        <v>160</v>
      </c>
      <c r="F47" s="3" t="s">
        <v>603</v>
      </c>
    </row>
    <row r="48" spans="1:6" ht="22.5" customHeight="1" x14ac:dyDescent="0.15">
      <c r="A48" s="1">
        <v>47</v>
      </c>
      <c r="B48" s="1" t="s">
        <v>162</v>
      </c>
      <c r="C48" s="1" t="s">
        <v>142</v>
      </c>
      <c r="D48" s="3" t="s">
        <v>163</v>
      </c>
      <c r="E48" s="1" t="s">
        <v>164</v>
      </c>
      <c r="F48" s="3" t="s">
        <v>165</v>
      </c>
    </row>
    <row r="49" spans="1:6" ht="22.5" customHeight="1" x14ac:dyDescent="0.15">
      <c r="A49" s="1">
        <v>48</v>
      </c>
      <c r="B49" s="1" t="s">
        <v>166</v>
      </c>
      <c r="C49" s="1" t="s">
        <v>142</v>
      </c>
      <c r="D49" s="3" t="s">
        <v>167</v>
      </c>
      <c r="E49" s="1" t="s">
        <v>168</v>
      </c>
      <c r="F49" s="3" t="s">
        <v>169</v>
      </c>
    </row>
    <row r="50" spans="1:6" ht="22.5" customHeight="1" x14ac:dyDescent="0.15">
      <c r="A50" s="1">
        <v>49</v>
      </c>
      <c r="B50" s="1" t="s">
        <v>170</v>
      </c>
      <c r="C50" s="1" t="s">
        <v>142</v>
      </c>
      <c r="D50" s="3" t="s">
        <v>600</v>
      </c>
      <c r="E50" s="1" t="s">
        <v>171</v>
      </c>
      <c r="F50" s="3" t="s">
        <v>172</v>
      </c>
    </row>
    <row r="51" spans="1:6" ht="22.5" customHeight="1" x14ac:dyDescent="0.15">
      <c r="A51" s="1">
        <v>50</v>
      </c>
      <c r="B51" s="1" t="s">
        <v>173</v>
      </c>
      <c r="C51" s="1" t="s">
        <v>142</v>
      </c>
      <c r="D51" s="3" t="s">
        <v>174</v>
      </c>
      <c r="E51" s="1" t="s">
        <v>175</v>
      </c>
      <c r="F51" s="3" t="s">
        <v>145</v>
      </c>
    </row>
    <row r="52" spans="1:6" ht="22.5" customHeight="1" x14ac:dyDescent="0.15">
      <c r="A52" s="1">
        <v>51</v>
      </c>
      <c r="B52" s="1" t="s">
        <v>176</v>
      </c>
      <c r="C52" s="1" t="s">
        <v>142</v>
      </c>
      <c r="D52" s="3" t="s">
        <v>601</v>
      </c>
      <c r="E52" s="1" t="s">
        <v>177</v>
      </c>
      <c r="F52" s="3" t="s">
        <v>178</v>
      </c>
    </row>
    <row r="53" spans="1:6" ht="22.5" customHeight="1" x14ac:dyDescent="0.15">
      <c r="A53" s="1">
        <v>52</v>
      </c>
      <c r="B53" s="4" t="s">
        <v>613</v>
      </c>
      <c r="C53" s="5" t="s">
        <v>604</v>
      </c>
      <c r="D53" s="3" t="s">
        <v>179</v>
      </c>
      <c r="E53" s="1" t="s">
        <v>180</v>
      </c>
      <c r="F53" s="4" t="s">
        <v>612</v>
      </c>
    </row>
    <row r="54" spans="1:6" ht="22.5" customHeight="1" x14ac:dyDescent="0.15">
      <c r="A54" s="1">
        <v>53</v>
      </c>
      <c r="B54" s="3" t="s">
        <v>181</v>
      </c>
      <c r="C54" s="3" t="s">
        <v>142</v>
      </c>
      <c r="D54" s="3" t="s">
        <v>182</v>
      </c>
      <c r="E54" s="1" t="s">
        <v>183</v>
      </c>
      <c r="F54" s="3" t="s">
        <v>145</v>
      </c>
    </row>
    <row r="55" spans="1:6" ht="22.5" customHeight="1" x14ac:dyDescent="0.15">
      <c r="A55" s="1">
        <v>54</v>
      </c>
      <c r="B55" s="3" t="s">
        <v>184</v>
      </c>
      <c r="C55" s="3" t="s">
        <v>142</v>
      </c>
      <c r="D55" s="3" t="s">
        <v>185</v>
      </c>
      <c r="E55" s="1" t="s">
        <v>168</v>
      </c>
      <c r="F55" s="3" t="s">
        <v>169</v>
      </c>
    </row>
    <row r="56" spans="1:6" ht="22.5" customHeight="1" x14ac:dyDescent="0.15">
      <c r="A56" s="1">
        <v>55</v>
      </c>
      <c r="B56" s="3" t="s">
        <v>186</v>
      </c>
      <c r="C56" s="3" t="s">
        <v>187</v>
      </c>
      <c r="D56" s="3" t="s">
        <v>570</v>
      </c>
      <c r="E56" s="1" t="s">
        <v>188</v>
      </c>
      <c r="F56" s="3" t="s">
        <v>161</v>
      </c>
    </row>
    <row r="57" spans="1:6" ht="22.5" customHeight="1" x14ac:dyDescent="0.15">
      <c r="A57" s="1">
        <v>56</v>
      </c>
      <c r="B57" s="3" t="s">
        <v>189</v>
      </c>
      <c r="C57" s="3" t="s">
        <v>187</v>
      </c>
      <c r="D57" s="3" t="s">
        <v>190</v>
      </c>
      <c r="E57" s="1" t="s">
        <v>191</v>
      </c>
      <c r="F57" s="3" t="s">
        <v>192</v>
      </c>
    </row>
    <row r="58" spans="1:6" ht="22.5" customHeight="1" x14ac:dyDescent="0.15">
      <c r="A58" s="1">
        <v>57</v>
      </c>
      <c r="B58" s="3" t="s">
        <v>193</v>
      </c>
      <c r="C58" s="3" t="s">
        <v>187</v>
      </c>
      <c r="D58" s="3" t="s">
        <v>570</v>
      </c>
      <c r="E58" s="1" t="s">
        <v>194</v>
      </c>
      <c r="F58" s="3" t="s">
        <v>161</v>
      </c>
    </row>
    <row r="59" spans="1:6" ht="22.5" customHeight="1" x14ac:dyDescent="0.15">
      <c r="A59" s="1">
        <v>58</v>
      </c>
      <c r="B59" s="3" t="s">
        <v>195</v>
      </c>
      <c r="C59" s="3" t="s">
        <v>187</v>
      </c>
      <c r="D59" s="3" t="s">
        <v>196</v>
      </c>
      <c r="E59" s="1" t="s">
        <v>197</v>
      </c>
      <c r="F59" s="3" t="s">
        <v>198</v>
      </c>
    </row>
    <row r="60" spans="1:6" ht="22.5" customHeight="1" x14ac:dyDescent="0.15">
      <c r="A60" s="1">
        <v>59</v>
      </c>
      <c r="B60" s="3" t="s">
        <v>199</v>
      </c>
      <c r="C60" s="3" t="s">
        <v>187</v>
      </c>
      <c r="D60" s="3" t="s">
        <v>200</v>
      </c>
      <c r="E60" s="1" t="s">
        <v>201</v>
      </c>
      <c r="F60" s="3" t="s">
        <v>198</v>
      </c>
    </row>
    <row r="61" spans="1:6" ht="22.5" customHeight="1" x14ac:dyDescent="0.15">
      <c r="A61" s="1">
        <v>60</v>
      </c>
      <c r="B61" s="3" t="s">
        <v>202</v>
      </c>
      <c r="C61" s="3" t="s">
        <v>187</v>
      </c>
      <c r="D61" s="3" t="s">
        <v>203</v>
      </c>
      <c r="E61" s="1" t="s">
        <v>204</v>
      </c>
      <c r="F61" s="3" t="s">
        <v>198</v>
      </c>
    </row>
    <row r="62" spans="1:6" ht="22.5" customHeight="1" x14ac:dyDescent="0.15">
      <c r="A62" s="1">
        <v>61</v>
      </c>
      <c r="B62" s="3" t="s">
        <v>205</v>
      </c>
      <c r="C62" s="3" t="s">
        <v>187</v>
      </c>
      <c r="D62" s="3" t="s">
        <v>570</v>
      </c>
      <c r="E62" s="1" t="s">
        <v>206</v>
      </c>
      <c r="F62" s="3" t="s">
        <v>207</v>
      </c>
    </row>
    <row r="63" spans="1:6" ht="22.5" customHeight="1" x14ac:dyDescent="0.15">
      <c r="A63" s="1">
        <v>62</v>
      </c>
      <c r="B63" s="3" t="s">
        <v>208</v>
      </c>
      <c r="C63" s="3" t="s">
        <v>187</v>
      </c>
      <c r="D63" s="3" t="s">
        <v>570</v>
      </c>
      <c r="E63" s="1" t="s">
        <v>209</v>
      </c>
      <c r="F63" s="3" t="s">
        <v>210</v>
      </c>
    </row>
    <row r="64" spans="1:6" ht="22.5" customHeight="1" x14ac:dyDescent="0.15">
      <c r="A64" s="1">
        <v>63</v>
      </c>
      <c r="B64" s="3" t="s">
        <v>605</v>
      </c>
      <c r="C64" s="3" t="s">
        <v>187</v>
      </c>
      <c r="D64" s="3" t="s">
        <v>570</v>
      </c>
      <c r="E64" s="1" t="s">
        <v>211</v>
      </c>
      <c r="F64" s="3" t="s">
        <v>212</v>
      </c>
    </row>
    <row r="65" spans="1:6" ht="22.5" customHeight="1" x14ac:dyDescent="0.15">
      <c r="A65" s="1">
        <v>64</v>
      </c>
      <c r="B65" s="1" t="s">
        <v>213</v>
      </c>
      <c r="C65" s="1" t="s">
        <v>214</v>
      </c>
      <c r="D65" s="3" t="s">
        <v>215</v>
      </c>
      <c r="E65" s="1" t="s">
        <v>216</v>
      </c>
      <c r="F65" s="3" t="s">
        <v>217</v>
      </c>
    </row>
    <row r="66" spans="1:6" ht="22.5" customHeight="1" x14ac:dyDescent="0.15">
      <c r="A66" s="1">
        <v>65</v>
      </c>
      <c r="B66" s="1" t="s">
        <v>218</v>
      </c>
      <c r="C66" s="1" t="s">
        <v>214</v>
      </c>
      <c r="D66" s="3" t="s">
        <v>570</v>
      </c>
      <c r="E66" s="1" t="s">
        <v>219</v>
      </c>
      <c r="F66" s="3" t="s">
        <v>220</v>
      </c>
    </row>
    <row r="67" spans="1:6" ht="22.5" customHeight="1" x14ac:dyDescent="0.15">
      <c r="A67" s="1">
        <v>66</v>
      </c>
      <c r="B67" s="1" t="s">
        <v>221</v>
      </c>
      <c r="C67" s="1" t="s">
        <v>214</v>
      </c>
      <c r="D67" s="3" t="s">
        <v>222</v>
      </c>
      <c r="E67" s="1" t="s">
        <v>223</v>
      </c>
      <c r="F67" s="3" t="s">
        <v>224</v>
      </c>
    </row>
    <row r="68" spans="1:6" ht="22.5" customHeight="1" x14ac:dyDescent="0.15">
      <c r="A68" s="1">
        <v>67</v>
      </c>
      <c r="B68" s="1" t="s">
        <v>225</v>
      </c>
      <c r="C68" s="1" t="s">
        <v>214</v>
      </c>
      <c r="D68" s="3" t="s">
        <v>226</v>
      </c>
      <c r="E68" s="1" t="s">
        <v>227</v>
      </c>
      <c r="F68" s="3" t="s">
        <v>228</v>
      </c>
    </row>
    <row r="69" spans="1:6" ht="22.5" customHeight="1" x14ac:dyDescent="0.15">
      <c r="A69" s="1">
        <v>68</v>
      </c>
      <c r="B69" s="1" t="s">
        <v>229</v>
      </c>
      <c r="C69" s="1" t="s">
        <v>214</v>
      </c>
      <c r="D69" s="3" t="s">
        <v>230</v>
      </c>
      <c r="E69" s="1" t="s">
        <v>231</v>
      </c>
      <c r="F69" s="3" t="s">
        <v>232</v>
      </c>
    </row>
    <row r="70" spans="1:6" ht="22.5" customHeight="1" x14ac:dyDescent="0.15">
      <c r="A70" s="1">
        <v>69</v>
      </c>
      <c r="B70" s="1" t="s">
        <v>233</v>
      </c>
      <c r="C70" s="1" t="s">
        <v>214</v>
      </c>
      <c r="D70" s="3" t="s">
        <v>583</v>
      </c>
      <c r="E70" s="1" t="s">
        <v>234</v>
      </c>
      <c r="F70" s="3" t="s">
        <v>235</v>
      </c>
    </row>
    <row r="71" spans="1:6" ht="22.5" customHeight="1" x14ac:dyDescent="0.15">
      <c r="A71" s="1">
        <v>70</v>
      </c>
      <c r="B71" s="1" t="s">
        <v>236</v>
      </c>
      <c r="C71" s="1" t="s">
        <v>214</v>
      </c>
      <c r="D71" s="3" t="s">
        <v>606</v>
      </c>
      <c r="E71" s="1" t="s">
        <v>237</v>
      </c>
      <c r="F71" s="3" t="s">
        <v>220</v>
      </c>
    </row>
    <row r="72" spans="1:6" ht="22.5" customHeight="1" x14ac:dyDescent="0.15">
      <c r="A72" s="1">
        <v>71</v>
      </c>
      <c r="B72" s="1" t="s">
        <v>238</v>
      </c>
      <c r="C72" s="1" t="s">
        <v>214</v>
      </c>
      <c r="D72" s="3" t="s">
        <v>570</v>
      </c>
      <c r="E72" s="1" t="s">
        <v>239</v>
      </c>
      <c r="F72" s="3" t="s">
        <v>240</v>
      </c>
    </row>
    <row r="73" spans="1:6" ht="22.5" customHeight="1" x14ac:dyDescent="0.15">
      <c r="A73" s="1">
        <v>72</v>
      </c>
      <c r="B73" s="1" t="s">
        <v>241</v>
      </c>
      <c r="C73" s="1" t="s">
        <v>214</v>
      </c>
      <c r="D73" s="3" t="s">
        <v>242</v>
      </c>
      <c r="E73" s="1" t="s">
        <v>243</v>
      </c>
      <c r="F73" s="3" t="s">
        <v>244</v>
      </c>
    </row>
    <row r="74" spans="1:6" ht="22.5" customHeight="1" x14ac:dyDescent="0.15">
      <c r="A74" s="1">
        <v>73</v>
      </c>
      <c r="B74" s="1" t="s">
        <v>245</v>
      </c>
      <c r="C74" s="1" t="s">
        <v>214</v>
      </c>
      <c r="D74" s="3" t="s">
        <v>246</v>
      </c>
      <c r="E74" s="1" t="s">
        <v>247</v>
      </c>
      <c r="F74" s="3" t="s">
        <v>248</v>
      </c>
    </row>
    <row r="75" spans="1:6" ht="22.5" customHeight="1" x14ac:dyDescent="0.15">
      <c r="A75" s="1">
        <v>74</v>
      </c>
      <c r="B75" s="1" t="s">
        <v>249</v>
      </c>
      <c r="C75" s="1" t="s">
        <v>214</v>
      </c>
      <c r="D75" s="3" t="s">
        <v>250</v>
      </c>
      <c r="E75" s="1" t="s">
        <v>251</v>
      </c>
      <c r="F75" s="3" t="s">
        <v>224</v>
      </c>
    </row>
    <row r="76" spans="1:6" ht="22.5" customHeight="1" x14ac:dyDescent="0.15">
      <c r="A76" s="1">
        <v>75</v>
      </c>
      <c r="B76" s="1" t="s">
        <v>252</v>
      </c>
      <c r="C76" s="1" t="s">
        <v>214</v>
      </c>
      <c r="D76" s="3" t="s">
        <v>253</v>
      </c>
      <c r="E76" s="1" t="s">
        <v>254</v>
      </c>
      <c r="F76" s="3" t="s">
        <v>255</v>
      </c>
    </row>
    <row r="77" spans="1:6" ht="22.5" customHeight="1" x14ac:dyDescent="0.15">
      <c r="A77" s="1">
        <v>76</v>
      </c>
      <c r="B77" s="1" t="s">
        <v>256</v>
      </c>
      <c r="C77" s="1" t="s">
        <v>257</v>
      </c>
      <c r="D77" s="3" t="s">
        <v>258</v>
      </c>
      <c r="E77" s="1" t="s">
        <v>259</v>
      </c>
      <c r="F77" s="3" t="s">
        <v>260</v>
      </c>
    </row>
    <row r="78" spans="1:6" ht="22.5" customHeight="1" x14ac:dyDescent="0.15">
      <c r="A78" s="1">
        <v>77</v>
      </c>
      <c r="B78" s="1" t="s">
        <v>261</v>
      </c>
      <c r="C78" s="1" t="s">
        <v>257</v>
      </c>
      <c r="D78" s="3" t="s">
        <v>262</v>
      </c>
      <c r="E78" s="1" t="s">
        <v>263</v>
      </c>
      <c r="F78" s="3" t="s">
        <v>264</v>
      </c>
    </row>
    <row r="79" spans="1:6" ht="22.5" customHeight="1" x14ac:dyDescent="0.15">
      <c r="A79" s="1">
        <v>78</v>
      </c>
      <c r="B79" s="1" t="s">
        <v>265</v>
      </c>
      <c r="C79" s="1" t="s">
        <v>257</v>
      </c>
      <c r="D79" s="3" t="s">
        <v>570</v>
      </c>
      <c r="E79" s="1" t="s">
        <v>266</v>
      </c>
      <c r="F79" s="3" t="s">
        <v>264</v>
      </c>
    </row>
    <row r="80" spans="1:6" ht="22.5" customHeight="1" x14ac:dyDescent="0.15">
      <c r="A80" s="1">
        <v>79</v>
      </c>
      <c r="B80" s="1" t="s">
        <v>267</v>
      </c>
      <c r="C80" s="1" t="s">
        <v>257</v>
      </c>
      <c r="D80" s="3" t="s">
        <v>268</v>
      </c>
      <c r="E80" s="1" t="s">
        <v>269</v>
      </c>
      <c r="F80" s="3" t="s">
        <v>270</v>
      </c>
    </row>
    <row r="81" spans="1:6" ht="22.5" customHeight="1" x14ac:dyDescent="0.15">
      <c r="A81" s="1">
        <v>80</v>
      </c>
      <c r="B81" s="1" t="s">
        <v>271</v>
      </c>
      <c r="C81" s="1" t="s">
        <v>257</v>
      </c>
      <c r="D81" s="3" t="s">
        <v>272</v>
      </c>
      <c r="E81" s="1" t="s">
        <v>273</v>
      </c>
      <c r="F81" s="3" t="s">
        <v>274</v>
      </c>
    </row>
    <row r="82" spans="1:6" ht="22.5" customHeight="1" x14ac:dyDescent="0.15">
      <c r="A82" s="1">
        <v>81</v>
      </c>
      <c r="B82" s="1" t="s">
        <v>275</v>
      </c>
      <c r="C82" s="1" t="s">
        <v>257</v>
      </c>
      <c r="D82" s="3" t="s">
        <v>276</v>
      </c>
      <c r="E82" s="1" t="s">
        <v>277</v>
      </c>
      <c r="F82" s="3" t="s">
        <v>270</v>
      </c>
    </row>
    <row r="83" spans="1:6" ht="22.5" customHeight="1" x14ac:dyDescent="0.15">
      <c r="A83" s="1">
        <v>82</v>
      </c>
      <c r="B83" s="1" t="s">
        <v>278</v>
      </c>
      <c r="C83" s="1" t="s">
        <v>257</v>
      </c>
      <c r="D83" s="3" t="s">
        <v>279</v>
      </c>
      <c r="E83" s="1" t="s">
        <v>280</v>
      </c>
      <c r="F83" s="3" t="s">
        <v>281</v>
      </c>
    </row>
    <row r="84" spans="1:6" ht="22.5" customHeight="1" x14ac:dyDescent="0.15">
      <c r="A84" s="1">
        <v>83</v>
      </c>
      <c r="B84" s="1" t="s">
        <v>282</v>
      </c>
      <c r="C84" s="1" t="s">
        <v>257</v>
      </c>
      <c r="D84" s="3" t="s">
        <v>570</v>
      </c>
      <c r="E84" s="1" t="s">
        <v>283</v>
      </c>
      <c r="F84" s="3" t="s">
        <v>592</v>
      </c>
    </row>
    <row r="85" spans="1:6" ht="22.5" customHeight="1" x14ac:dyDescent="0.15">
      <c r="A85" s="1">
        <v>84</v>
      </c>
      <c r="B85" s="1" t="s">
        <v>284</v>
      </c>
      <c r="C85" s="1" t="s">
        <v>257</v>
      </c>
      <c r="D85" s="3" t="s">
        <v>570</v>
      </c>
      <c r="E85" s="1" t="s">
        <v>285</v>
      </c>
      <c r="F85" s="3" t="s">
        <v>286</v>
      </c>
    </row>
    <row r="86" spans="1:6" ht="22.5" customHeight="1" x14ac:dyDescent="0.15">
      <c r="A86" s="1">
        <v>85</v>
      </c>
      <c r="B86" s="1" t="s">
        <v>287</v>
      </c>
      <c r="C86" s="1" t="s">
        <v>288</v>
      </c>
      <c r="D86" s="3" t="s">
        <v>289</v>
      </c>
      <c r="E86" s="1" t="s">
        <v>290</v>
      </c>
      <c r="F86" s="3" t="s">
        <v>291</v>
      </c>
    </row>
    <row r="87" spans="1:6" ht="22.5" customHeight="1" x14ac:dyDescent="0.15">
      <c r="A87" s="1">
        <v>86</v>
      </c>
      <c r="B87" s="1" t="s">
        <v>292</v>
      </c>
      <c r="C87" s="1" t="s">
        <v>288</v>
      </c>
      <c r="D87" s="3" t="s">
        <v>293</v>
      </c>
      <c r="E87" s="1" t="s">
        <v>294</v>
      </c>
      <c r="F87" s="3" t="s">
        <v>295</v>
      </c>
    </row>
    <row r="88" spans="1:6" ht="22.5" customHeight="1" x14ac:dyDescent="0.15">
      <c r="A88" s="1">
        <v>87</v>
      </c>
      <c r="B88" s="1" t="s">
        <v>296</v>
      </c>
      <c r="C88" s="1" t="s">
        <v>288</v>
      </c>
      <c r="D88" s="3" t="s">
        <v>297</v>
      </c>
      <c r="E88" s="1" t="s">
        <v>298</v>
      </c>
      <c r="F88" s="3" t="s">
        <v>299</v>
      </c>
    </row>
    <row r="89" spans="1:6" ht="22.5" customHeight="1" x14ac:dyDescent="0.15">
      <c r="A89" s="1">
        <v>88</v>
      </c>
      <c r="B89" s="1" t="s">
        <v>300</v>
      </c>
      <c r="C89" s="1" t="s">
        <v>288</v>
      </c>
      <c r="D89" s="3" t="s">
        <v>301</v>
      </c>
      <c r="E89" s="1" t="s">
        <v>302</v>
      </c>
      <c r="F89" s="3" t="s">
        <v>291</v>
      </c>
    </row>
    <row r="90" spans="1:6" ht="22.5" customHeight="1" x14ac:dyDescent="0.15">
      <c r="A90" s="1">
        <v>89</v>
      </c>
      <c r="B90" s="1" t="s">
        <v>303</v>
      </c>
      <c r="C90" s="1" t="s">
        <v>288</v>
      </c>
      <c r="D90" s="3" t="s">
        <v>304</v>
      </c>
      <c r="E90" s="1" t="s">
        <v>305</v>
      </c>
      <c r="F90" s="3" t="s">
        <v>295</v>
      </c>
    </row>
    <row r="91" spans="1:6" ht="22.5" customHeight="1" x14ac:dyDescent="0.15">
      <c r="A91" s="1">
        <v>90</v>
      </c>
      <c r="B91" s="1" t="s">
        <v>306</v>
      </c>
      <c r="C91" s="1" t="s">
        <v>288</v>
      </c>
      <c r="D91" s="3" t="s">
        <v>307</v>
      </c>
      <c r="E91" s="1" t="s">
        <v>308</v>
      </c>
      <c r="F91" s="3" t="s">
        <v>295</v>
      </c>
    </row>
    <row r="92" spans="1:6" ht="22.5" customHeight="1" x14ac:dyDescent="0.15">
      <c r="A92" s="1">
        <v>91</v>
      </c>
      <c r="B92" s="1" t="s">
        <v>309</v>
      </c>
      <c r="C92" s="1" t="s">
        <v>288</v>
      </c>
      <c r="D92" s="3" t="s">
        <v>310</v>
      </c>
      <c r="E92" s="1" t="s">
        <v>311</v>
      </c>
      <c r="F92" s="3" t="s">
        <v>299</v>
      </c>
    </row>
    <row r="93" spans="1:6" ht="22.5" customHeight="1" x14ac:dyDescent="0.15">
      <c r="A93" s="1">
        <v>92</v>
      </c>
      <c r="B93" s="1" t="s">
        <v>312</v>
      </c>
      <c r="C93" s="1" t="s">
        <v>288</v>
      </c>
      <c r="D93" s="3" t="s">
        <v>313</v>
      </c>
      <c r="E93" s="1" t="s">
        <v>314</v>
      </c>
      <c r="F93" s="3" t="s">
        <v>295</v>
      </c>
    </row>
    <row r="94" spans="1:6" ht="22.5" customHeight="1" x14ac:dyDescent="0.15">
      <c r="A94" s="1">
        <v>93</v>
      </c>
      <c r="B94" s="1" t="s">
        <v>315</v>
      </c>
      <c r="C94" s="1" t="s">
        <v>288</v>
      </c>
      <c r="D94" s="3" t="s">
        <v>316</v>
      </c>
      <c r="E94" s="1" t="s">
        <v>317</v>
      </c>
      <c r="F94" s="3" t="s">
        <v>318</v>
      </c>
    </row>
    <row r="95" spans="1:6" ht="22.5" customHeight="1" x14ac:dyDescent="0.15">
      <c r="A95" s="1">
        <v>94</v>
      </c>
      <c r="B95" s="1" t="s">
        <v>319</v>
      </c>
      <c r="C95" s="1" t="s">
        <v>320</v>
      </c>
      <c r="D95" s="3" t="s">
        <v>321</v>
      </c>
      <c r="E95" s="1" t="s">
        <v>322</v>
      </c>
      <c r="F95" s="3" t="s">
        <v>323</v>
      </c>
    </row>
    <row r="96" spans="1:6" ht="22.5" customHeight="1" x14ac:dyDescent="0.15">
      <c r="A96" s="1">
        <v>95</v>
      </c>
      <c r="B96" s="1" t="s">
        <v>324</v>
      </c>
      <c r="C96" s="1" t="s">
        <v>320</v>
      </c>
      <c r="D96" s="3" t="s">
        <v>325</v>
      </c>
      <c r="E96" s="1" t="s">
        <v>326</v>
      </c>
      <c r="F96" s="3" t="s">
        <v>327</v>
      </c>
    </row>
    <row r="97" spans="1:6" ht="22.5" customHeight="1" x14ac:dyDescent="0.15">
      <c r="A97" s="1">
        <v>96</v>
      </c>
      <c r="B97" s="1" t="s">
        <v>328</v>
      </c>
      <c r="C97" s="1" t="s">
        <v>320</v>
      </c>
      <c r="D97" s="3" t="s">
        <v>329</v>
      </c>
      <c r="E97" s="1" t="s">
        <v>330</v>
      </c>
      <c r="F97" s="3" t="s">
        <v>331</v>
      </c>
    </row>
    <row r="98" spans="1:6" ht="22.5" customHeight="1" x14ac:dyDescent="0.15">
      <c r="A98" s="1">
        <v>97</v>
      </c>
      <c r="B98" s="1" t="s">
        <v>332</v>
      </c>
      <c r="C98" s="1" t="s">
        <v>320</v>
      </c>
      <c r="D98" s="3" t="s">
        <v>333</v>
      </c>
      <c r="E98" s="1" t="s">
        <v>334</v>
      </c>
      <c r="F98" s="3" t="s">
        <v>331</v>
      </c>
    </row>
    <row r="99" spans="1:6" ht="22.5" customHeight="1" x14ac:dyDescent="0.15">
      <c r="A99" s="1">
        <v>98</v>
      </c>
      <c r="B99" s="1" t="s">
        <v>335</v>
      </c>
      <c r="C99" s="1" t="s">
        <v>320</v>
      </c>
      <c r="D99" s="3" t="s">
        <v>336</v>
      </c>
      <c r="E99" s="1" t="s">
        <v>337</v>
      </c>
      <c r="F99" s="3" t="s">
        <v>331</v>
      </c>
    </row>
    <row r="100" spans="1:6" ht="22.5" customHeight="1" x14ac:dyDescent="0.15">
      <c r="A100" s="1">
        <v>99</v>
      </c>
      <c r="B100" s="1" t="s">
        <v>338</v>
      </c>
      <c r="C100" s="1" t="s">
        <v>320</v>
      </c>
      <c r="D100" s="3" t="s">
        <v>339</v>
      </c>
      <c r="E100" s="1" t="s">
        <v>340</v>
      </c>
      <c r="F100" s="3" t="s">
        <v>327</v>
      </c>
    </row>
    <row r="101" spans="1:6" ht="22.5" customHeight="1" x14ac:dyDescent="0.15">
      <c r="A101" s="1">
        <v>100</v>
      </c>
      <c r="B101" s="1" t="s">
        <v>341</v>
      </c>
      <c r="C101" s="1" t="s">
        <v>320</v>
      </c>
      <c r="D101" s="3" t="s">
        <v>342</v>
      </c>
      <c r="E101" s="1" t="s">
        <v>343</v>
      </c>
      <c r="F101" s="3" t="s">
        <v>331</v>
      </c>
    </row>
    <row r="102" spans="1:6" ht="22.5" customHeight="1" x14ac:dyDescent="0.15">
      <c r="A102" s="1">
        <v>101</v>
      </c>
      <c r="B102" s="1" t="s">
        <v>344</v>
      </c>
      <c r="C102" s="1" t="s">
        <v>320</v>
      </c>
      <c r="D102" s="3" t="s">
        <v>345</v>
      </c>
      <c r="E102" s="1" t="s">
        <v>346</v>
      </c>
      <c r="F102" s="3" t="s">
        <v>347</v>
      </c>
    </row>
    <row r="103" spans="1:6" ht="22.5" customHeight="1" x14ac:dyDescent="0.15">
      <c r="A103" s="1">
        <v>102</v>
      </c>
      <c r="B103" s="1" t="s">
        <v>348</v>
      </c>
      <c r="C103" s="1" t="s">
        <v>320</v>
      </c>
      <c r="D103" s="3" t="s">
        <v>570</v>
      </c>
      <c r="E103" s="1" t="s">
        <v>349</v>
      </c>
      <c r="F103" s="3" t="s">
        <v>295</v>
      </c>
    </row>
    <row r="104" spans="1:6" ht="22.5" customHeight="1" x14ac:dyDescent="0.15">
      <c r="A104" s="1">
        <v>103</v>
      </c>
      <c r="B104" s="1" t="s">
        <v>350</v>
      </c>
      <c r="C104" s="1" t="s">
        <v>320</v>
      </c>
      <c r="D104" s="3" t="s">
        <v>351</v>
      </c>
      <c r="E104" s="1" t="s">
        <v>352</v>
      </c>
      <c r="F104" s="3" t="s">
        <v>353</v>
      </c>
    </row>
    <row r="105" spans="1:6" ht="22.5" customHeight="1" x14ac:dyDescent="0.15">
      <c r="A105" s="1">
        <v>104</v>
      </c>
      <c r="B105" s="1" t="s">
        <v>354</v>
      </c>
      <c r="C105" s="1" t="s">
        <v>355</v>
      </c>
      <c r="D105" s="3" t="s">
        <v>356</v>
      </c>
      <c r="E105" s="1" t="s">
        <v>357</v>
      </c>
      <c r="F105" s="3" t="s">
        <v>358</v>
      </c>
    </row>
    <row r="106" spans="1:6" ht="22.5" customHeight="1" x14ac:dyDescent="0.15">
      <c r="A106" s="1">
        <v>105</v>
      </c>
      <c r="B106" s="1" t="s">
        <v>359</v>
      </c>
      <c r="C106" s="1" t="s">
        <v>355</v>
      </c>
      <c r="D106" s="3" t="s">
        <v>360</v>
      </c>
      <c r="E106" s="1" t="s">
        <v>361</v>
      </c>
      <c r="F106" s="3" t="s">
        <v>362</v>
      </c>
    </row>
    <row r="107" spans="1:6" ht="22.5" customHeight="1" x14ac:dyDescent="0.15">
      <c r="A107" s="1">
        <v>106</v>
      </c>
      <c r="B107" s="1" t="s">
        <v>363</v>
      </c>
      <c r="C107" s="1" t="s">
        <v>355</v>
      </c>
      <c r="D107" s="3" t="s">
        <v>364</v>
      </c>
      <c r="E107" s="1" t="s">
        <v>365</v>
      </c>
      <c r="F107" s="3" t="s">
        <v>366</v>
      </c>
    </row>
    <row r="108" spans="1:6" ht="22.5" customHeight="1" x14ac:dyDescent="0.15">
      <c r="A108" s="1">
        <v>107</v>
      </c>
      <c r="B108" s="1" t="s">
        <v>367</v>
      </c>
      <c r="C108" s="1" t="s">
        <v>355</v>
      </c>
      <c r="D108" s="3" t="s">
        <v>368</v>
      </c>
      <c r="E108" s="1" t="s">
        <v>369</v>
      </c>
      <c r="F108" s="3" t="s">
        <v>370</v>
      </c>
    </row>
    <row r="109" spans="1:6" ht="22.5" customHeight="1" x14ac:dyDescent="0.15">
      <c r="A109" s="1">
        <v>108</v>
      </c>
      <c r="B109" s="1" t="s">
        <v>371</v>
      </c>
      <c r="C109" s="1" t="s">
        <v>355</v>
      </c>
      <c r="D109" s="3" t="s">
        <v>372</v>
      </c>
      <c r="E109" s="1" t="s">
        <v>373</v>
      </c>
      <c r="F109" s="3" t="s">
        <v>593</v>
      </c>
    </row>
    <row r="110" spans="1:6" ht="22.5" customHeight="1" x14ac:dyDescent="0.15">
      <c r="A110" s="1">
        <v>109</v>
      </c>
      <c r="B110" s="1" t="s">
        <v>374</v>
      </c>
      <c r="C110" s="1" t="s">
        <v>355</v>
      </c>
      <c r="D110" s="3" t="s">
        <v>375</v>
      </c>
      <c r="E110" s="1" t="s">
        <v>376</v>
      </c>
      <c r="F110" s="3" t="s">
        <v>377</v>
      </c>
    </row>
    <row r="111" spans="1:6" ht="22.5" customHeight="1" x14ac:dyDescent="0.15">
      <c r="A111" s="1">
        <v>110</v>
      </c>
      <c r="B111" s="1" t="s">
        <v>378</v>
      </c>
      <c r="C111" s="1" t="s">
        <v>355</v>
      </c>
      <c r="D111" s="3" t="s">
        <v>379</v>
      </c>
      <c r="E111" s="1" t="s">
        <v>380</v>
      </c>
      <c r="F111" s="3" t="s">
        <v>362</v>
      </c>
    </row>
    <row r="112" spans="1:6" ht="22.5" customHeight="1" x14ac:dyDescent="0.15">
      <c r="A112" s="1">
        <v>111</v>
      </c>
      <c r="B112" s="1" t="s">
        <v>381</v>
      </c>
      <c r="C112" s="1" t="s">
        <v>355</v>
      </c>
      <c r="D112" s="3" t="s">
        <v>382</v>
      </c>
      <c r="E112" s="1" t="s">
        <v>383</v>
      </c>
      <c r="F112" s="3" t="s">
        <v>362</v>
      </c>
    </row>
    <row r="113" spans="1:6" ht="22.5" customHeight="1" x14ac:dyDescent="0.15">
      <c r="A113" s="1">
        <v>112</v>
      </c>
      <c r="B113" s="1" t="s">
        <v>384</v>
      </c>
      <c r="C113" s="1" t="s">
        <v>385</v>
      </c>
      <c r="D113" s="3" t="s">
        <v>572</v>
      </c>
      <c r="E113" s="1" t="s">
        <v>357</v>
      </c>
      <c r="F113" s="3" t="s">
        <v>358</v>
      </c>
    </row>
    <row r="114" spans="1:6" ht="22.5" customHeight="1" x14ac:dyDescent="0.15">
      <c r="A114" s="1">
        <v>113</v>
      </c>
      <c r="B114" s="1" t="s">
        <v>386</v>
      </c>
      <c r="C114" s="1" t="s">
        <v>385</v>
      </c>
      <c r="D114" s="3" t="s">
        <v>387</v>
      </c>
      <c r="E114" s="1" t="s">
        <v>388</v>
      </c>
      <c r="F114" s="3" t="s">
        <v>387</v>
      </c>
    </row>
    <row r="115" spans="1:6" ht="22.5" customHeight="1" x14ac:dyDescent="0.15">
      <c r="A115" s="1">
        <v>114</v>
      </c>
      <c r="B115" s="1" t="s">
        <v>389</v>
      </c>
      <c r="C115" s="1" t="s">
        <v>385</v>
      </c>
      <c r="D115" s="3" t="s">
        <v>390</v>
      </c>
      <c r="E115" s="1" t="s">
        <v>391</v>
      </c>
      <c r="F115" s="3" t="s">
        <v>392</v>
      </c>
    </row>
    <row r="116" spans="1:6" ht="22.5" customHeight="1" x14ac:dyDescent="0.15">
      <c r="A116" s="1">
        <v>115</v>
      </c>
      <c r="B116" s="1" t="s">
        <v>393</v>
      </c>
      <c r="C116" s="1" t="s">
        <v>385</v>
      </c>
      <c r="D116" s="3" t="s">
        <v>394</v>
      </c>
      <c r="E116" s="1" t="s">
        <v>395</v>
      </c>
      <c r="F116" s="3" t="s">
        <v>396</v>
      </c>
    </row>
    <row r="117" spans="1:6" ht="22.5" customHeight="1" x14ac:dyDescent="0.15">
      <c r="A117" s="1">
        <v>116</v>
      </c>
      <c r="B117" s="1" t="s">
        <v>397</v>
      </c>
      <c r="C117" s="1" t="s">
        <v>385</v>
      </c>
      <c r="D117" s="3" t="s">
        <v>398</v>
      </c>
      <c r="E117" s="1" t="s">
        <v>399</v>
      </c>
      <c r="F117" s="3" t="s">
        <v>400</v>
      </c>
    </row>
    <row r="118" spans="1:6" ht="22.5" customHeight="1" x14ac:dyDescent="0.15">
      <c r="A118" s="1">
        <v>117</v>
      </c>
      <c r="B118" s="1" t="s">
        <v>401</v>
      </c>
      <c r="C118" s="1" t="s">
        <v>385</v>
      </c>
      <c r="D118" s="3" t="s">
        <v>402</v>
      </c>
      <c r="E118" s="1" t="s">
        <v>403</v>
      </c>
      <c r="F118" s="3" t="s">
        <v>404</v>
      </c>
    </row>
    <row r="119" spans="1:6" ht="22.5" customHeight="1" x14ac:dyDescent="0.15">
      <c r="A119" s="1">
        <v>118</v>
      </c>
      <c r="B119" s="1" t="s">
        <v>405</v>
      </c>
      <c r="C119" s="1" t="s">
        <v>385</v>
      </c>
      <c r="D119" s="3" t="s">
        <v>406</v>
      </c>
      <c r="E119" s="1" t="s">
        <v>407</v>
      </c>
      <c r="F119" s="3" t="s">
        <v>408</v>
      </c>
    </row>
    <row r="120" spans="1:6" ht="22.5" customHeight="1" x14ac:dyDescent="0.15">
      <c r="A120" s="1">
        <v>119</v>
      </c>
      <c r="B120" s="1" t="s">
        <v>409</v>
      </c>
      <c r="C120" s="1" t="s">
        <v>385</v>
      </c>
      <c r="D120" s="3" t="s">
        <v>410</v>
      </c>
      <c r="E120" s="1" t="s">
        <v>411</v>
      </c>
      <c r="F120" s="3" t="s">
        <v>412</v>
      </c>
    </row>
    <row r="121" spans="1:6" ht="22.5" customHeight="1" x14ac:dyDescent="0.15">
      <c r="A121" s="1">
        <v>120</v>
      </c>
      <c r="B121" s="1" t="s">
        <v>413</v>
      </c>
      <c r="C121" s="1" t="s">
        <v>385</v>
      </c>
      <c r="D121" s="3" t="s">
        <v>414</v>
      </c>
      <c r="E121" s="1" t="s">
        <v>415</v>
      </c>
      <c r="F121" s="3" t="s">
        <v>416</v>
      </c>
    </row>
    <row r="122" spans="1:6" ht="22.5" customHeight="1" x14ac:dyDescent="0.15">
      <c r="A122" s="1">
        <v>121</v>
      </c>
      <c r="B122" s="1" t="s">
        <v>417</v>
      </c>
      <c r="C122" s="1" t="s">
        <v>385</v>
      </c>
      <c r="D122" s="3" t="s">
        <v>418</v>
      </c>
      <c r="E122" s="1" t="s">
        <v>419</v>
      </c>
      <c r="F122" s="3" t="s">
        <v>420</v>
      </c>
    </row>
    <row r="123" spans="1:6" ht="22.5" customHeight="1" x14ac:dyDescent="0.15">
      <c r="A123" s="1">
        <v>122</v>
      </c>
      <c r="B123" s="1" t="s">
        <v>421</v>
      </c>
      <c r="C123" s="1" t="s">
        <v>385</v>
      </c>
      <c r="D123" s="3" t="s">
        <v>570</v>
      </c>
      <c r="E123" s="1" t="s">
        <v>422</v>
      </c>
      <c r="F123" s="3" t="s">
        <v>423</v>
      </c>
    </row>
    <row r="124" spans="1:6" ht="22.5" customHeight="1" x14ac:dyDescent="0.15">
      <c r="A124" s="1">
        <v>123</v>
      </c>
      <c r="B124" s="1" t="s">
        <v>424</v>
      </c>
      <c r="C124" s="1" t="s">
        <v>425</v>
      </c>
      <c r="D124" s="3" t="s">
        <v>583</v>
      </c>
      <c r="E124" s="1" t="s">
        <v>426</v>
      </c>
      <c r="F124" s="3" t="s">
        <v>427</v>
      </c>
    </row>
    <row r="125" spans="1:6" ht="22.5" customHeight="1" x14ac:dyDescent="0.15">
      <c r="A125" s="1">
        <v>124</v>
      </c>
      <c r="B125" s="1" t="s">
        <v>428</v>
      </c>
      <c r="C125" s="1" t="s">
        <v>425</v>
      </c>
      <c r="D125" s="3" t="s">
        <v>429</v>
      </c>
      <c r="E125" s="1" t="s">
        <v>430</v>
      </c>
      <c r="F125" s="3" t="s">
        <v>594</v>
      </c>
    </row>
    <row r="126" spans="1:6" ht="22.5" customHeight="1" x14ac:dyDescent="0.15">
      <c r="A126" s="1">
        <v>125</v>
      </c>
      <c r="B126" s="1" t="s">
        <v>432</v>
      </c>
      <c r="C126" s="1" t="s">
        <v>425</v>
      </c>
      <c r="D126" s="3" t="s">
        <v>433</v>
      </c>
      <c r="E126" s="1" t="s">
        <v>434</v>
      </c>
      <c r="F126" s="3" t="s">
        <v>435</v>
      </c>
    </row>
    <row r="127" spans="1:6" ht="22.5" customHeight="1" x14ac:dyDescent="0.15">
      <c r="A127" s="1">
        <v>126</v>
      </c>
      <c r="B127" s="1" t="s">
        <v>436</v>
      </c>
      <c r="C127" s="1" t="s">
        <v>425</v>
      </c>
      <c r="D127" s="3" t="s">
        <v>437</v>
      </c>
      <c r="E127" s="1" t="s">
        <v>438</v>
      </c>
      <c r="F127" s="3" t="s">
        <v>595</v>
      </c>
    </row>
    <row r="128" spans="1:6" ht="22.5" customHeight="1" x14ac:dyDescent="0.15">
      <c r="A128" s="1">
        <v>127</v>
      </c>
      <c r="B128" s="1" t="s">
        <v>439</v>
      </c>
      <c r="C128" s="1" t="s">
        <v>425</v>
      </c>
      <c r="D128" s="3" t="s">
        <v>584</v>
      </c>
      <c r="E128" s="1" t="s">
        <v>440</v>
      </c>
      <c r="F128" s="3" t="s">
        <v>441</v>
      </c>
    </row>
    <row r="129" spans="1:6" ht="22.5" customHeight="1" x14ac:dyDescent="0.15">
      <c r="A129" s="1">
        <v>128</v>
      </c>
      <c r="B129" s="1" t="s">
        <v>442</v>
      </c>
      <c r="C129" s="1" t="s">
        <v>425</v>
      </c>
      <c r="D129" s="3" t="s">
        <v>443</v>
      </c>
      <c r="E129" s="1" t="s">
        <v>444</v>
      </c>
      <c r="F129" s="3" t="s">
        <v>594</v>
      </c>
    </row>
    <row r="130" spans="1:6" ht="22.5" customHeight="1" x14ac:dyDescent="0.15">
      <c r="A130" s="1">
        <v>129</v>
      </c>
      <c r="B130" s="1" t="s">
        <v>445</v>
      </c>
      <c r="C130" s="1" t="s">
        <v>425</v>
      </c>
      <c r="D130" s="3" t="s">
        <v>611</v>
      </c>
      <c r="E130" s="1" t="s">
        <v>446</v>
      </c>
      <c r="F130" s="3" t="s">
        <v>447</v>
      </c>
    </row>
    <row r="131" spans="1:6" ht="22.5" customHeight="1" x14ac:dyDescent="0.15">
      <c r="A131" s="1">
        <v>130</v>
      </c>
      <c r="B131" s="1" t="s">
        <v>448</v>
      </c>
      <c r="C131" s="1" t="s">
        <v>449</v>
      </c>
      <c r="D131" s="3" t="s">
        <v>570</v>
      </c>
      <c r="E131" s="1" t="s">
        <v>450</v>
      </c>
      <c r="F131" s="3" t="s">
        <v>451</v>
      </c>
    </row>
    <row r="132" spans="1:6" ht="22.5" customHeight="1" x14ac:dyDescent="0.15">
      <c r="A132" s="1">
        <v>132</v>
      </c>
      <c r="B132" s="1" t="s">
        <v>452</v>
      </c>
      <c r="C132" s="1" t="s">
        <v>449</v>
      </c>
      <c r="D132" s="3" t="s">
        <v>453</v>
      </c>
      <c r="E132" s="1" t="s">
        <v>454</v>
      </c>
      <c r="F132" s="3" t="s">
        <v>455</v>
      </c>
    </row>
    <row r="133" spans="1:6" ht="22.5" customHeight="1" x14ac:dyDescent="0.15">
      <c r="A133" s="1">
        <v>133</v>
      </c>
      <c r="B133" s="1" t="s">
        <v>456</v>
      </c>
      <c r="C133" s="1" t="s">
        <v>449</v>
      </c>
      <c r="D133" s="3" t="s">
        <v>585</v>
      </c>
      <c r="E133" s="1" t="s">
        <v>457</v>
      </c>
      <c r="F133" s="3" t="s">
        <v>596</v>
      </c>
    </row>
    <row r="134" spans="1:6" ht="22.5" customHeight="1" x14ac:dyDescent="0.15">
      <c r="A134" s="1">
        <v>134</v>
      </c>
      <c r="B134" s="1" t="s">
        <v>458</v>
      </c>
      <c r="C134" s="1" t="s">
        <v>449</v>
      </c>
      <c r="D134" s="3" t="s">
        <v>459</v>
      </c>
      <c r="E134" s="1" t="s">
        <v>460</v>
      </c>
      <c r="F134" s="3" t="s">
        <v>597</v>
      </c>
    </row>
    <row r="135" spans="1:6" ht="22.5" customHeight="1" x14ac:dyDescent="0.15">
      <c r="A135" s="1">
        <v>135</v>
      </c>
      <c r="B135" s="1" t="s">
        <v>461</v>
      </c>
      <c r="C135" s="1" t="s">
        <v>449</v>
      </c>
      <c r="D135" s="3" t="s">
        <v>570</v>
      </c>
      <c r="E135" s="1" t="s">
        <v>462</v>
      </c>
      <c r="F135" s="3" t="s">
        <v>455</v>
      </c>
    </row>
    <row r="136" spans="1:6" ht="22.5" customHeight="1" x14ac:dyDescent="0.15">
      <c r="A136" s="1">
        <v>136</v>
      </c>
      <c r="B136" s="1" t="s">
        <v>463</v>
      </c>
      <c r="C136" s="1" t="s">
        <v>449</v>
      </c>
      <c r="D136" s="3" t="s">
        <v>586</v>
      </c>
      <c r="E136" s="1" t="s">
        <v>464</v>
      </c>
      <c r="F136" s="3" t="s">
        <v>465</v>
      </c>
    </row>
    <row r="137" spans="1:6" ht="22.5" customHeight="1" x14ac:dyDescent="0.15">
      <c r="A137" s="1">
        <v>137</v>
      </c>
      <c r="B137" s="1" t="s">
        <v>466</v>
      </c>
      <c r="C137" s="1" t="s">
        <v>449</v>
      </c>
      <c r="D137" s="3" t="s">
        <v>467</v>
      </c>
      <c r="E137" s="1" t="s">
        <v>468</v>
      </c>
      <c r="F137" s="3" t="s">
        <v>469</v>
      </c>
    </row>
    <row r="138" spans="1:6" ht="22.5" customHeight="1" x14ac:dyDescent="0.15">
      <c r="A138" s="1">
        <v>138</v>
      </c>
      <c r="B138" s="1" t="s">
        <v>470</v>
      </c>
      <c r="C138" s="1" t="s">
        <v>449</v>
      </c>
      <c r="D138" s="3" t="s">
        <v>471</v>
      </c>
      <c r="E138" s="1" t="s">
        <v>472</v>
      </c>
      <c r="F138" s="3" t="s">
        <v>596</v>
      </c>
    </row>
    <row r="139" spans="1:6" ht="22.5" customHeight="1" x14ac:dyDescent="0.15">
      <c r="A139" s="1">
        <v>139</v>
      </c>
      <c r="B139" s="1" t="s">
        <v>473</v>
      </c>
      <c r="C139" s="1" t="s">
        <v>449</v>
      </c>
      <c r="D139" s="3" t="s">
        <v>474</v>
      </c>
      <c r="E139" s="1" t="s">
        <v>475</v>
      </c>
      <c r="F139" s="3" t="s">
        <v>451</v>
      </c>
    </row>
    <row r="140" spans="1:6" ht="22.5" customHeight="1" x14ac:dyDescent="0.15">
      <c r="A140" s="1">
        <v>140</v>
      </c>
      <c r="B140" s="1" t="s">
        <v>476</v>
      </c>
      <c r="C140" s="1" t="s">
        <v>449</v>
      </c>
      <c r="D140" s="3" t="s">
        <v>587</v>
      </c>
      <c r="E140" s="1" t="s">
        <v>477</v>
      </c>
      <c r="F140" s="3" t="s">
        <v>431</v>
      </c>
    </row>
    <row r="141" spans="1:6" ht="22.5" customHeight="1" x14ac:dyDescent="0.15">
      <c r="A141" s="1">
        <v>141</v>
      </c>
      <c r="B141" s="1" t="s">
        <v>478</v>
      </c>
      <c r="C141" s="1" t="s">
        <v>479</v>
      </c>
      <c r="D141" s="3" t="s">
        <v>607</v>
      </c>
      <c r="E141" s="1" t="s">
        <v>480</v>
      </c>
      <c r="F141" s="3" t="s">
        <v>481</v>
      </c>
    </row>
    <row r="142" spans="1:6" ht="22.5" customHeight="1" x14ac:dyDescent="0.15">
      <c r="A142" s="1">
        <v>142</v>
      </c>
      <c r="B142" s="1" t="s">
        <v>482</v>
      </c>
      <c r="C142" s="1" t="s">
        <v>479</v>
      </c>
      <c r="D142" s="3" t="s">
        <v>608</v>
      </c>
      <c r="E142" s="1" t="s">
        <v>483</v>
      </c>
      <c r="F142" s="3" t="s">
        <v>484</v>
      </c>
    </row>
    <row r="143" spans="1:6" ht="22.5" customHeight="1" x14ac:dyDescent="0.15">
      <c r="A143" s="1">
        <v>143</v>
      </c>
      <c r="B143" s="1" t="s">
        <v>485</v>
      </c>
      <c r="C143" s="1" t="s">
        <v>479</v>
      </c>
      <c r="D143" s="3" t="s">
        <v>486</v>
      </c>
      <c r="E143" s="1" t="s">
        <v>487</v>
      </c>
      <c r="F143" s="3" t="s">
        <v>488</v>
      </c>
    </row>
    <row r="144" spans="1:6" ht="22.5" customHeight="1" x14ac:dyDescent="0.15">
      <c r="A144" s="1">
        <v>144</v>
      </c>
      <c r="B144" s="1" t="s">
        <v>489</v>
      </c>
      <c r="C144" s="1" t="s">
        <v>479</v>
      </c>
      <c r="D144" s="3" t="s">
        <v>490</v>
      </c>
      <c r="E144" s="1" t="s">
        <v>491</v>
      </c>
      <c r="F144" s="3" t="s">
        <v>492</v>
      </c>
    </row>
    <row r="145" spans="1:6" ht="22.5" customHeight="1" x14ac:dyDescent="0.15">
      <c r="A145" s="1">
        <v>145</v>
      </c>
      <c r="B145" s="1" t="s">
        <v>493</v>
      </c>
      <c r="C145" s="1" t="s">
        <v>479</v>
      </c>
      <c r="D145" s="3" t="s">
        <v>494</v>
      </c>
      <c r="E145" s="1" t="s">
        <v>495</v>
      </c>
      <c r="F145" s="3" t="s">
        <v>496</v>
      </c>
    </row>
    <row r="146" spans="1:6" ht="22.5" customHeight="1" x14ac:dyDescent="0.15">
      <c r="A146" s="1">
        <v>146</v>
      </c>
      <c r="B146" s="1" t="s">
        <v>497</v>
      </c>
      <c r="C146" s="1" t="s">
        <v>479</v>
      </c>
      <c r="D146" s="3" t="s">
        <v>498</v>
      </c>
      <c r="E146" s="1" t="s">
        <v>499</v>
      </c>
      <c r="F146" s="3" t="s">
        <v>481</v>
      </c>
    </row>
    <row r="147" spans="1:6" ht="22.5" customHeight="1" x14ac:dyDescent="0.15">
      <c r="A147" s="1">
        <v>147</v>
      </c>
      <c r="B147" s="1" t="s">
        <v>500</v>
      </c>
      <c r="C147" s="1" t="s">
        <v>479</v>
      </c>
      <c r="D147" s="3" t="s">
        <v>609</v>
      </c>
      <c r="E147" s="1" t="s">
        <v>501</v>
      </c>
      <c r="F147" s="3" t="s">
        <v>484</v>
      </c>
    </row>
    <row r="148" spans="1:6" ht="22.5" customHeight="1" x14ac:dyDescent="0.15">
      <c r="A148" s="1">
        <v>148</v>
      </c>
      <c r="B148" s="1" t="s">
        <v>502</v>
      </c>
      <c r="C148" s="1" t="s">
        <v>479</v>
      </c>
      <c r="D148" s="3" t="s">
        <v>503</v>
      </c>
      <c r="E148" s="1" t="s">
        <v>504</v>
      </c>
      <c r="F148" s="3" t="s">
        <v>488</v>
      </c>
    </row>
    <row r="149" spans="1:6" ht="22.5" customHeight="1" x14ac:dyDescent="0.15">
      <c r="A149" s="1">
        <v>149</v>
      </c>
      <c r="B149" s="1" t="s">
        <v>505</v>
      </c>
      <c r="C149" s="1" t="s">
        <v>479</v>
      </c>
      <c r="D149" s="3" t="s">
        <v>506</v>
      </c>
      <c r="E149" s="1" t="s">
        <v>507</v>
      </c>
      <c r="F149" s="3" t="s">
        <v>492</v>
      </c>
    </row>
    <row r="150" spans="1:6" ht="22.5" customHeight="1" x14ac:dyDescent="0.15">
      <c r="A150" s="1">
        <v>150</v>
      </c>
      <c r="B150" s="1" t="s">
        <v>508</v>
      </c>
      <c r="C150" s="1" t="s">
        <v>479</v>
      </c>
      <c r="D150" s="3" t="s">
        <v>509</v>
      </c>
      <c r="E150" s="1" t="s">
        <v>510</v>
      </c>
      <c r="F150" s="3" t="s">
        <v>511</v>
      </c>
    </row>
    <row r="151" spans="1:6" ht="22.5" customHeight="1" x14ac:dyDescent="0.15">
      <c r="A151" s="1">
        <v>151</v>
      </c>
      <c r="B151" s="1" t="s">
        <v>512</v>
      </c>
      <c r="C151" s="1" t="s">
        <v>479</v>
      </c>
      <c r="D151" s="3" t="s">
        <v>513</v>
      </c>
      <c r="E151" s="1" t="s">
        <v>514</v>
      </c>
      <c r="F151" s="3" t="s">
        <v>481</v>
      </c>
    </row>
    <row r="152" spans="1:6" ht="22.5" customHeight="1" x14ac:dyDescent="0.15">
      <c r="A152" s="1">
        <v>152</v>
      </c>
      <c r="B152" s="1" t="s">
        <v>515</v>
      </c>
      <c r="C152" s="1" t="s">
        <v>516</v>
      </c>
      <c r="D152" s="3" t="s">
        <v>579</v>
      </c>
      <c r="E152" s="1" t="s">
        <v>517</v>
      </c>
      <c r="F152" s="3" t="s">
        <v>518</v>
      </c>
    </row>
    <row r="153" spans="1:6" ht="22.5" customHeight="1" x14ac:dyDescent="0.15">
      <c r="A153" s="1">
        <v>153</v>
      </c>
      <c r="B153" s="1" t="s">
        <v>519</v>
      </c>
      <c r="C153" s="1" t="s">
        <v>516</v>
      </c>
      <c r="D153" s="3" t="s">
        <v>520</v>
      </c>
      <c r="E153" s="1" t="s">
        <v>521</v>
      </c>
      <c r="F153" s="3" t="s">
        <v>522</v>
      </c>
    </row>
    <row r="154" spans="1:6" ht="22.5" customHeight="1" x14ac:dyDescent="0.15">
      <c r="A154" s="1">
        <v>154</v>
      </c>
      <c r="B154" s="1" t="s">
        <v>523</v>
      </c>
      <c r="C154" s="1" t="s">
        <v>516</v>
      </c>
      <c r="D154" s="3" t="s">
        <v>580</v>
      </c>
      <c r="E154" s="1" t="s">
        <v>524</v>
      </c>
      <c r="F154" s="3" t="s">
        <v>525</v>
      </c>
    </row>
    <row r="155" spans="1:6" ht="22.5" customHeight="1" x14ac:dyDescent="0.15">
      <c r="A155" s="1">
        <v>155</v>
      </c>
      <c r="B155" s="1" t="s">
        <v>526</v>
      </c>
      <c r="C155" s="1" t="s">
        <v>516</v>
      </c>
      <c r="D155" s="3" t="s">
        <v>527</v>
      </c>
      <c r="E155" s="1" t="s">
        <v>528</v>
      </c>
      <c r="F155" s="3" t="s">
        <v>522</v>
      </c>
    </row>
    <row r="156" spans="1:6" ht="22.5" customHeight="1" x14ac:dyDescent="0.15">
      <c r="A156" s="1">
        <v>156</v>
      </c>
      <c r="B156" s="1" t="s">
        <v>529</v>
      </c>
      <c r="C156" s="1" t="s">
        <v>516</v>
      </c>
      <c r="D156" s="3" t="s">
        <v>570</v>
      </c>
      <c r="E156" s="1" t="s">
        <v>530</v>
      </c>
      <c r="F156" s="3" t="s">
        <v>525</v>
      </c>
    </row>
    <row r="157" spans="1:6" ht="22.5" customHeight="1" x14ac:dyDescent="0.15">
      <c r="A157" s="1">
        <v>157</v>
      </c>
      <c r="B157" s="1" t="s">
        <v>531</v>
      </c>
      <c r="C157" s="1" t="s">
        <v>516</v>
      </c>
      <c r="D157" s="3" t="s">
        <v>532</v>
      </c>
      <c r="E157" s="1" t="s">
        <v>533</v>
      </c>
      <c r="F157" s="3" t="s">
        <v>525</v>
      </c>
    </row>
    <row r="158" spans="1:6" ht="22.5" customHeight="1" x14ac:dyDescent="0.15">
      <c r="A158" s="1">
        <v>158</v>
      </c>
      <c r="B158" s="1" t="s">
        <v>534</v>
      </c>
      <c r="C158" s="1" t="s">
        <v>516</v>
      </c>
      <c r="D158" s="3" t="s">
        <v>581</v>
      </c>
      <c r="E158" s="1" t="s">
        <v>535</v>
      </c>
      <c r="F158" s="3" t="s">
        <v>588</v>
      </c>
    </row>
    <row r="159" spans="1:6" ht="22.5" customHeight="1" x14ac:dyDescent="0.15">
      <c r="A159" s="1">
        <v>159</v>
      </c>
      <c r="B159" s="1" t="s">
        <v>536</v>
      </c>
      <c r="C159" s="1" t="s">
        <v>516</v>
      </c>
      <c r="D159" s="3" t="s">
        <v>582</v>
      </c>
      <c r="E159" s="1" t="s">
        <v>537</v>
      </c>
      <c r="F159" s="3" t="s">
        <v>522</v>
      </c>
    </row>
    <row r="160" spans="1:6" ht="22.5" customHeight="1" x14ac:dyDescent="0.15">
      <c r="A160" s="1">
        <v>160</v>
      </c>
      <c r="B160" s="1" t="s">
        <v>538</v>
      </c>
      <c r="C160" s="1" t="s">
        <v>539</v>
      </c>
      <c r="D160" s="3" t="s">
        <v>602</v>
      </c>
      <c r="E160" s="1" t="s">
        <v>540</v>
      </c>
      <c r="F160" s="3" t="s">
        <v>541</v>
      </c>
    </row>
    <row r="161" spans="1:6" ht="22.5" customHeight="1" x14ac:dyDescent="0.15">
      <c r="A161" s="1">
        <v>161</v>
      </c>
      <c r="B161" s="1" t="s">
        <v>542</v>
      </c>
      <c r="C161" s="1" t="s">
        <v>539</v>
      </c>
      <c r="D161" s="3" t="s">
        <v>543</v>
      </c>
      <c r="E161" s="1" t="s">
        <v>544</v>
      </c>
      <c r="F161" s="3" t="s">
        <v>545</v>
      </c>
    </row>
    <row r="162" spans="1:6" ht="22.5" customHeight="1" x14ac:dyDescent="0.15">
      <c r="A162" s="1">
        <v>162</v>
      </c>
      <c r="B162" s="1" t="s">
        <v>546</v>
      </c>
      <c r="C162" s="1" t="s">
        <v>539</v>
      </c>
      <c r="D162" s="3" t="s">
        <v>547</v>
      </c>
      <c r="E162" s="1" t="s">
        <v>544</v>
      </c>
      <c r="F162" s="3" t="s">
        <v>548</v>
      </c>
    </row>
    <row r="163" spans="1:6" ht="22.5" customHeight="1" x14ac:dyDescent="0.15">
      <c r="A163" s="1">
        <v>163</v>
      </c>
      <c r="B163" s="1" t="s">
        <v>549</v>
      </c>
      <c r="C163" s="1" t="s">
        <v>539</v>
      </c>
      <c r="D163" s="3" t="s">
        <v>550</v>
      </c>
      <c r="E163" s="1" t="s">
        <v>551</v>
      </c>
      <c r="F163" s="3" t="s">
        <v>552</v>
      </c>
    </row>
    <row r="164" spans="1:6" ht="22.5" customHeight="1" x14ac:dyDescent="0.15">
      <c r="A164" s="1">
        <v>164</v>
      </c>
      <c r="B164" s="1" t="s">
        <v>553</v>
      </c>
      <c r="C164" s="1" t="s">
        <v>539</v>
      </c>
      <c r="D164" s="3" t="s">
        <v>554</v>
      </c>
      <c r="E164" s="1" t="s">
        <v>555</v>
      </c>
      <c r="F164" s="3" t="s">
        <v>556</v>
      </c>
    </row>
    <row r="165" spans="1:6" ht="22.5" customHeight="1" x14ac:dyDescent="0.15">
      <c r="A165" s="1">
        <v>165</v>
      </c>
      <c r="B165" s="1" t="s">
        <v>557</v>
      </c>
      <c r="C165" s="1" t="s">
        <v>539</v>
      </c>
      <c r="D165" s="3" t="s">
        <v>558</v>
      </c>
      <c r="E165" s="1" t="s">
        <v>559</v>
      </c>
      <c r="F165" s="3" t="s">
        <v>560</v>
      </c>
    </row>
    <row r="166" spans="1:6" ht="22.5" customHeight="1" x14ac:dyDescent="0.15">
      <c r="A166" s="1">
        <v>166</v>
      </c>
      <c r="B166" s="1" t="s">
        <v>561</v>
      </c>
      <c r="C166" s="1" t="s">
        <v>539</v>
      </c>
      <c r="D166" s="3" t="s">
        <v>570</v>
      </c>
      <c r="E166" s="1" t="s">
        <v>562</v>
      </c>
      <c r="F166" s="3" t="s">
        <v>552</v>
      </c>
    </row>
    <row r="167" spans="1:6" ht="22.5" customHeight="1" x14ac:dyDescent="0.15">
      <c r="A167" s="1">
        <v>167</v>
      </c>
      <c r="B167" s="1" t="s">
        <v>563</v>
      </c>
      <c r="C167" s="1" t="s">
        <v>539</v>
      </c>
      <c r="D167" s="3" t="s">
        <v>570</v>
      </c>
      <c r="E167" s="1" t="s">
        <v>564</v>
      </c>
      <c r="F167" s="3" t="s">
        <v>541</v>
      </c>
    </row>
    <row r="168" spans="1:6" ht="22.5" customHeight="1" x14ac:dyDescent="0.15">
      <c r="A168" s="1">
        <v>168</v>
      </c>
      <c r="B168" s="1" t="s">
        <v>565</v>
      </c>
      <c r="C168" s="1" t="s">
        <v>539</v>
      </c>
      <c r="D168" s="3" t="s">
        <v>566</v>
      </c>
      <c r="E168" s="1" t="s">
        <v>567</v>
      </c>
      <c r="F168" s="3" t="s">
        <v>541</v>
      </c>
    </row>
    <row r="169" spans="1:6" ht="22.5" customHeight="1" x14ac:dyDescent="0.15">
      <c r="A169" s="1">
        <v>169</v>
      </c>
      <c r="B169" s="1" t="s">
        <v>568</v>
      </c>
      <c r="C169" s="1" t="s">
        <v>539</v>
      </c>
      <c r="D169" s="3" t="s">
        <v>610</v>
      </c>
      <c r="E169" s="1" t="s">
        <v>569</v>
      </c>
      <c r="F169" s="3" t="s">
        <v>556</v>
      </c>
    </row>
  </sheetData>
  <autoFilter ref="A1:F169"/>
  <phoneticPr fontId="18"/>
  <pageMargins left="0.70866141732283472" right="0.70866141732283472" top="0.64968749999999997" bottom="0" header="0.11811023622047245" footer="0.31496062992125984"/>
  <pageSetup paperSize="9" fitToHeight="0" orientation="landscape" r:id="rId1"/>
  <headerFooter>
    <oddHeader>&amp;L公開型GIS上に公開するコミュニティ掲示板情報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コミュニティ掲示板(まちづくり推進課)_20200820 (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6437 島﨑勝</dc:creator>
  <cp:lastModifiedBy>Administrator</cp:lastModifiedBy>
  <cp:lastPrinted>2020-08-26T04:09:02Z</cp:lastPrinted>
  <dcterms:created xsi:type="dcterms:W3CDTF">2020-08-25T00:04:11Z</dcterms:created>
  <dcterms:modified xsi:type="dcterms:W3CDTF">2020-08-26T08:31:23Z</dcterms:modified>
</cp:coreProperties>
</file>